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822"/>
  <workbookPr/>
  <mc:AlternateContent xmlns:mc="http://schemas.openxmlformats.org/markup-compatibility/2006">
    <mc:Choice Requires="x15">
      <x15ac:absPath xmlns:x15ac="http://schemas.microsoft.com/office/spreadsheetml/2010/11/ac" url="\\s04\VO_DOC\01. Súťaže\2026\02. Oddelenie VO\01. Prebiehajúce zákazky\02. Danka\9. Plášť operačný a prenosná plachta\PTK odoslané\"/>
    </mc:Choice>
  </mc:AlternateContent>
  <xr:revisionPtr revIDLastSave="0" documentId="13_ncr:1_{7F5077F0-0BE0-404E-BED0-A25D374CCBCE}" xr6:coauthVersionLast="47" xr6:coauthVersionMax="47" xr10:uidLastSave="{00000000-0000-0000-0000-000000000000}"/>
  <bookViews>
    <workbookView xWindow="-120" yWindow="-120" windowWidth="29040" windowHeight="15720" firstSheet="1" activeTab="1" xr2:uid="{00000000-000D-0000-FFFF-FFFF00000000}"/>
  </bookViews>
  <sheets>
    <sheet name="hárok " sheetId="10" r:id="rId1"/>
    <sheet name="PTK - Ponuka" sheetId="8" r:id="rId2"/>
  </sheets>
  <definedNames>
    <definedName name="_xlnm.Print_Area" localSheetId="1">'PTK - Ponuka'!$A$1:$D$13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94" uniqueCount="16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 xml:space="preserve">Kalkulácia ceny - Štruktúrovaný rozpočet ceny predmetu zákazky </t>
  </si>
  <si>
    <t>60000000-8 Dopravné služby (bez prepravy odpadu)</t>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t>Merná jednotka
(MJ)</t>
  </si>
  <si>
    <t>tovar, služba</t>
  </si>
  <si>
    <t>3.1</t>
  </si>
  <si>
    <t>3.2</t>
  </si>
  <si>
    <t>5.</t>
  </si>
  <si>
    <t>6.</t>
  </si>
  <si>
    <t>7.</t>
  </si>
  <si>
    <t>8.</t>
  </si>
  <si>
    <t>9.</t>
  </si>
  <si>
    <t>10.</t>
  </si>
  <si>
    <t>11.</t>
  </si>
  <si>
    <t>12.</t>
  </si>
  <si>
    <t>3.1.b)  Zoznam položiek:</t>
  </si>
  <si>
    <t xml:space="preserve">Áno </t>
  </si>
  <si>
    <t>xxx</t>
  </si>
  <si>
    <t xml:space="preserve">Názov časti a položky predmetu zákazky </t>
  </si>
  <si>
    <t>Časť č. 1 - Plášť operačný</t>
  </si>
  <si>
    <t>Plášť operačný</t>
  </si>
  <si>
    <t>vhodný na dlhé výkony</t>
  </si>
  <si>
    <t>krčný lem:</t>
  </si>
  <si>
    <t>zosilnený dvojvrstvový krčný lem</t>
  </si>
  <si>
    <t>ukončený v zadnej časti pevným suchým zipsom,ktorý je vyrobený z polypropylénu a polyamidu</t>
  </si>
  <si>
    <t>úväzky:</t>
  </si>
  <si>
    <t>minimálne v počte 2 ks pre lepšiu fixáciu</t>
  </si>
  <si>
    <t>pripevnené bezpečnostnou záplatou proti pretrhnutiu</t>
  </si>
  <si>
    <t>rukáv:</t>
  </si>
  <si>
    <t>rukávy musia byť ukončené elastickým lemom, aj s možnosťou zosilnenia a nepriepustnými výstuhami</t>
  </si>
  <si>
    <t>manžeta plášťa na rukáve je v dĺžke 9 cm s toleranciou +/- 1 cm, vyrobená z nedráždivej jemnej polyesterovej tkaniny</t>
  </si>
  <si>
    <t>požadované jednotlivé diely musia byť spojené dvojitým lemom šitia a vrstvenia, ktoré zabezpečia minimalizáciu rizika priestupu infekcie a natrhnutia</t>
  </si>
  <si>
    <t>strih: zavinovaci</t>
  </si>
  <si>
    <t>materiál: netkaná textília typu spunlace, 55% celulóza, 45% polyester (tolerancia +/-10%)</t>
  </si>
  <si>
    <t>nepriepustnosť pre tekutiny a mikroorganizmy: zodpovedá norme STN 13795</t>
  </si>
  <si>
    <t>k dispozícií vo veľkostiach:</t>
  </si>
  <si>
    <t>M alebo 110-120 cm</t>
  </si>
  <si>
    <t>L alebo 130 cm</t>
  </si>
  <si>
    <t>XL alebo 150 cm</t>
  </si>
  <si>
    <t>XXL alebo 170 cm</t>
  </si>
  <si>
    <t>balenie: sterilné po 1 ks</t>
  </si>
  <si>
    <t>obal musí obsahovať minimálne:</t>
  </si>
  <si>
    <t>názov</t>
  </si>
  <si>
    <t>veľkosť</t>
  </si>
  <si>
    <t>expirácia</t>
  </si>
  <si>
    <t>katalógové číslo</t>
  </si>
  <si>
    <t>4.1</t>
  </si>
  <si>
    <t>4.2</t>
  </si>
  <si>
    <t>5.1</t>
  </si>
  <si>
    <t>5.2</t>
  </si>
  <si>
    <t>10.1</t>
  </si>
  <si>
    <t>10.2</t>
  </si>
  <si>
    <t>10.3</t>
  </si>
  <si>
    <t>10.4</t>
  </si>
  <si>
    <t>12.1</t>
  </si>
  <si>
    <t>12.2</t>
  </si>
  <si>
    <t>12.3</t>
  </si>
  <si>
    <t>12.4</t>
  </si>
  <si>
    <t>Položka č. 1 - Plachta na prenos s absorpčnou podložkou</t>
  </si>
  <si>
    <t>Plachta na prenos s absorpčnou podložkou</t>
  </si>
  <si>
    <t>Požadovaná absorpčná časť: 190 x 64 cm ±2%</t>
  </si>
  <si>
    <t>Požadovaná integrovaná absorpčná podložka min: 4000ml max:4200ml</t>
  </si>
  <si>
    <t>Bez latexových a PVC materiálov</t>
  </si>
  <si>
    <t>Kompatibilná s röntgenom</t>
  </si>
  <si>
    <t>Materiál absorpčnej časti šetrný k pokožke pacienta</t>
  </si>
  <si>
    <t xml:space="preserve">Požadovaný počet MJ na obdobie 24 mesiacov
</t>
  </si>
  <si>
    <t>33199000-1 Lekárske odevy</t>
  </si>
  <si>
    <t>33140000-3 Zdravotnícky spotrebný materiál</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š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1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5.</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6.</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Požaduje sa uzatvorenie rámcovej dohody, a to na  dohodnuté zmluvné obdobie dvadsaťštyri (24) kalendárnych mesiacov, resp. do doby naplnenia zmluvného finančného objemu podľa toho, ktorá z uvedených skutočností nastane skôr.</t>
  </si>
  <si>
    <t>Veľkosť plachty: 210 x 80 cm ±2%</t>
  </si>
  <si>
    <t>plášť operačný chirurgický</t>
  </si>
  <si>
    <t xml:space="preserve">Položka č. 1 - Plášť operačný </t>
  </si>
  <si>
    <t>Rukoväte 8 ks ( na rozloženie váhy)</t>
  </si>
  <si>
    <t>Nosnosť: od min.180 do max. 240 kg</t>
  </si>
  <si>
    <t>Časť č. 2  - Plachta na prenos s absorpčnou podložkou</t>
  </si>
  <si>
    <t>Časť č. 2 - Plachta na prenos s absorpčnou podložkou</t>
  </si>
  <si>
    <t>Plášť operačný a plachta na prenos s absorpčnou podložkou</t>
  </si>
  <si>
    <r>
      <t>Pre</t>
    </r>
    <r>
      <rPr>
        <b/>
        <sz val="10"/>
        <color theme="1"/>
        <rFont val="Arial"/>
        <family val="2"/>
        <charset val="238"/>
      </rPr>
      <t xml:space="preserve"> položky Časti č. 1</t>
    </r>
    <r>
      <rPr>
        <sz val="10"/>
        <color theme="1"/>
        <rFont val="Arial"/>
        <family val="2"/>
        <charset val="238"/>
      </rPr>
      <t xml:space="preserve"> sa požaduje </t>
    </r>
    <r>
      <rPr>
        <u/>
        <sz val="10"/>
        <color theme="1"/>
        <rFont val="Arial"/>
        <family val="2"/>
        <charset val="238"/>
      </rPr>
      <t>skúšobný protokol alebo osvedčenie</t>
    </r>
    <r>
      <rPr>
        <sz val="10"/>
        <color theme="1"/>
        <rFont val="Arial"/>
        <family val="2"/>
        <charset val="238"/>
      </rPr>
      <t xml:space="preserve"> vydané orgánom posudzovania zhody vykonávajúcim činnosti posudzovania zhody vrátane kalibrácie, skúšania, osvedčovania a inšpekcie, ktorý je akreditovaný podľa osobitného predpisu vo vzťahu ku všetkým ponúkaným produktom (neoverená kópia).</t>
    </r>
  </si>
  <si>
    <r>
      <t>Pre</t>
    </r>
    <r>
      <rPr>
        <b/>
        <sz val="10"/>
        <color theme="1"/>
        <rFont val="Arial"/>
        <family val="2"/>
        <charset val="238"/>
      </rPr>
      <t xml:space="preserve"> položky Časti č. 1 </t>
    </r>
    <r>
      <rPr>
        <sz val="10"/>
        <color theme="1"/>
        <rFont val="Arial"/>
        <family val="2"/>
        <charset val="238"/>
      </rPr>
      <t xml:space="preserve">sa požaduje originál alebo úradne overená kópia certifikátov a protokolov o skúškach podľa </t>
    </r>
    <r>
      <rPr>
        <u/>
        <sz val="10"/>
        <color theme="1"/>
        <rFont val="Arial"/>
        <family val="2"/>
        <charset val="238"/>
      </rPr>
      <t>STN EN 13 795 Chirurgické odevy a rúška</t>
    </r>
    <r>
      <rPr>
        <sz val="10"/>
        <color theme="1"/>
        <rFont val="Arial"/>
        <family val="2"/>
        <charset val="238"/>
      </rPr>
      <t>, vystavené akreditovaným certifikačným orgánom, prípadne iné rovnocenné certifikáty vydané príslušnými orgánmi krajín Európskej únie.</t>
    </r>
  </si>
  <si>
    <r>
      <t xml:space="preserve">Pre </t>
    </r>
    <r>
      <rPr>
        <b/>
        <sz val="10"/>
        <color theme="1"/>
        <rFont val="Arial"/>
        <family val="2"/>
        <charset val="238"/>
      </rPr>
      <t>položky</t>
    </r>
    <r>
      <rPr>
        <sz val="10"/>
        <color theme="1"/>
        <rFont val="Arial"/>
        <family val="2"/>
        <charset val="238"/>
      </rPr>
      <t xml:space="preserve"> </t>
    </r>
    <r>
      <rPr>
        <b/>
        <sz val="10"/>
        <color theme="1"/>
        <rFont val="Arial"/>
        <family val="2"/>
        <charset val="238"/>
      </rPr>
      <t xml:space="preserve">Časti č. 1 </t>
    </r>
    <r>
      <rPr>
        <sz val="10"/>
        <color theme="1"/>
        <rFont val="Arial"/>
        <family val="2"/>
        <charset val="238"/>
      </rPr>
      <t>sa požaduje originál alebo úradne overená kópia</t>
    </r>
    <r>
      <rPr>
        <u/>
        <sz val="10"/>
        <color theme="1"/>
        <rFont val="Arial"/>
        <family val="2"/>
        <charset val="238"/>
      </rPr>
      <t xml:space="preserve"> materiálových listov na materiál,</t>
    </r>
    <r>
      <rPr>
        <sz val="10"/>
        <color theme="1"/>
        <rFont val="Arial"/>
        <family val="2"/>
        <charset val="238"/>
      </rPr>
      <t xml:space="preserve"> z ktorého budú zhotovené položky predmetu zákazky a z ktorých bude zrejmé splnenie požiadaviek v predmete zákazky, potvrdený výrobcom materiálu.</t>
    </r>
  </si>
  <si>
    <r>
      <t xml:space="preserve">Pre </t>
    </r>
    <r>
      <rPr>
        <b/>
        <sz val="10"/>
        <color theme="1"/>
        <rFont val="Arial"/>
        <family val="2"/>
        <charset val="238"/>
      </rPr>
      <t>položky</t>
    </r>
    <r>
      <rPr>
        <sz val="10"/>
        <color theme="1"/>
        <rFont val="Arial"/>
        <family val="2"/>
        <charset val="238"/>
      </rPr>
      <t xml:space="preserve"> </t>
    </r>
    <r>
      <rPr>
        <b/>
        <sz val="10"/>
        <color theme="1"/>
        <rFont val="Arial"/>
        <family val="2"/>
        <charset val="238"/>
      </rPr>
      <t>Časti č. 1</t>
    </r>
    <r>
      <rPr>
        <sz val="10"/>
        <color theme="1"/>
        <rFont val="Arial"/>
        <family val="2"/>
        <charset val="238"/>
      </rPr>
      <t xml:space="preserve"> sa požaduje </t>
    </r>
    <r>
      <rPr>
        <u/>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r>
      <t xml:space="preserve">Pre </t>
    </r>
    <r>
      <rPr>
        <b/>
        <sz val="10"/>
        <color theme="1"/>
        <rFont val="Arial"/>
        <family val="2"/>
        <charset val="238"/>
      </rPr>
      <t xml:space="preserve">položky Časti č. 1 a 2 </t>
    </r>
    <r>
      <rPr>
        <sz val="10"/>
        <color theme="1"/>
        <rFont val="Arial"/>
        <family val="2"/>
        <charset val="238"/>
      </rPr>
      <t xml:space="preserve">sa požaduje neoverená fotokópia </t>
    </r>
    <r>
      <rPr>
        <u/>
        <sz val="10"/>
        <color theme="1"/>
        <rFont val="Arial"/>
        <family val="2"/>
        <charset val="238"/>
      </rPr>
      <t>ES vyhlásenia o zhode a podklady k nemu</t>
    </r>
    <r>
      <rPr>
        <sz val="10"/>
        <color theme="1"/>
        <rFont val="Arial"/>
        <family val="2"/>
        <charset val="238"/>
      </rPr>
      <t>, resp. iné doklady, ktoré nahrádzajú požadované potvrdenie.</t>
    </r>
  </si>
  <si>
    <r>
      <t xml:space="preserve">Pre </t>
    </r>
    <r>
      <rPr>
        <b/>
        <sz val="10"/>
        <color theme="1"/>
        <rFont val="Arial"/>
        <family val="2"/>
        <charset val="238"/>
      </rPr>
      <t>položky</t>
    </r>
    <r>
      <rPr>
        <sz val="10"/>
        <color theme="1"/>
        <rFont val="Arial"/>
        <family val="2"/>
        <charset val="238"/>
      </rPr>
      <t xml:space="preserve"> </t>
    </r>
    <r>
      <rPr>
        <b/>
        <sz val="10"/>
        <color theme="1"/>
        <rFont val="Arial"/>
        <family val="2"/>
        <charset val="238"/>
      </rPr>
      <t>Časti č. 1 a 2</t>
    </r>
    <r>
      <rPr>
        <sz val="10"/>
        <color theme="1"/>
        <rFont val="Arial"/>
        <family val="2"/>
        <charset val="238"/>
      </rPr>
      <t xml:space="preserve"> sa požaduje </t>
    </r>
    <r>
      <rPr>
        <u/>
        <sz val="10"/>
        <color theme="1"/>
        <rFont val="Arial"/>
        <family val="2"/>
        <charset val="238"/>
      </rPr>
      <t>prospektový materiál</t>
    </r>
    <r>
      <rPr>
        <sz val="10"/>
        <color theme="1"/>
        <rFont val="Arial"/>
        <family val="2"/>
        <charset val="238"/>
      </rPr>
      <t xml:space="preserve"> (resp. iný ekvivalentný doklad) všetkých ponúkaných produktov uvedených v Prílohe - Kalkulácia ceny. Prospektový materiál musí obsahovať popis funkcií a technických parametrov ponúkaného produktu tak, aby na základe nich mohol verejný obstarávateľ jednoznačne posúdiť splnenie všetkých požadovaných minimálnych technických vlastností, parametrov a hodnôt predmetu zákazky.</t>
    </r>
  </si>
  <si>
    <r>
      <t xml:space="preserve">Pre </t>
    </r>
    <r>
      <rPr>
        <b/>
        <sz val="10"/>
        <color theme="1"/>
        <rFont val="Arial"/>
        <family val="2"/>
        <charset val="238"/>
      </rPr>
      <t>položky</t>
    </r>
    <r>
      <rPr>
        <sz val="10"/>
        <color theme="1"/>
        <rFont val="Arial"/>
        <family val="2"/>
        <charset val="238"/>
      </rPr>
      <t xml:space="preserve"> </t>
    </r>
    <r>
      <rPr>
        <b/>
        <sz val="10"/>
        <color theme="1"/>
        <rFont val="Arial"/>
        <family val="2"/>
        <charset val="238"/>
      </rPr>
      <t xml:space="preserve">Časti č. 1 </t>
    </r>
    <r>
      <rPr>
        <sz val="10"/>
        <color theme="1"/>
        <rFont val="Arial"/>
        <family val="2"/>
        <charset val="238"/>
      </rPr>
      <t xml:space="preserve">sa požadujú </t>
    </r>
    <r>
      <rPr>
        <u/>
        <sz val="10"/>
        <color theme="1"/>
        <rFont val="Arial"/>
        <family val="2"/>
        <charset val="238"/>
      </rPr>
      <t>funkčné vzorky</t>
    </r>
    <r>
      <rPr>
        <sz val="10"/>
        <color theme="1"/>
        <rFont val="Arial"/>
        <family val="2"/>
        <charset val="238"/>
      </rPr>
      <t xml:space="preserve"> všetkých ponúkaných produktov uvedených v Prílohe - Kalkulácia ceny v</t>
    </r>
    <r>
      <rPr>
        <u/>
        <sz val="10"/>
        <color theme="1"/>
        <rFont val="Arial"/>
        <family val="2"/>
        <charset val="238"/>
      </rPr>
      <t xml:space="preserve"> počte 3 ks pre každú veľkosť</t>
    </r>
    <r>
      <rPr>
        <sz val="10"/>
        <color theme="1"/>
        <rFont val="Arial"/>
        <family val="2"/>
        <charset val="238"/>
      </rPr>
      <t xml:space="preserve"> za účelom ich testovania.
Požaduje sa viditeľná identifikácia, označenie každej predloženej vzorky, na základe ktorej verejný obstarávateľ jednoznačne identifikuje, ku ktorej položke bola predložená. Samostatne zabalená vzorka produktu pre každú
položku predmetu zákazky musí tvoriť súčasť ponuky.
V prípade predloženia ponuky, vzorky predkladá aj súčasný dodávateľ.</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i/>
      <sz val="10"/>
      <name val="Arial"/>
      <family val="2"/>
      <charset val="238"/>
    </font>
    <font>
      <u/>
      <sz val="10"/>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3">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right style="thin">
        <color indexed="64"/>
      </right>
      <top/>
      <bottom style="thin">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right/>
      <top style="thin">
        <color auto="1"/>
      </top>
      <bottom style="medium">
        <color indexed="64"/>
      </bottom>
      <diagonal/>
    </border>
    <border>
      <left style="thin">
        <color auto="1"/>
      </left>
      <right/>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thin">
        <color auto="1"/>
      </left>
      <right/>
      <top style="thin">
        <color auto="1"/>
      </top>
      <bottom style="dotted">
        <color indexed="64"/>
      </bottom>
      <diagonal/>
    </border>
    <border>
      <left style="thin">
        <color auto="1"/>
      </left>
      <right/>
      <top/>
      <bottom style="thin">
        <color auto="1"/>
      </bottom>
      <diagonal/>
    </border>
    <border>
      <left/>
      <right style="thin">
        <color auto="1"/>
      </right>
      <top style="thin">
        <color auto="1"/>
      </top>
      <bottom style="thin">
        <color auto="1"/>
      </bottom>
      <diagonal/>
    </border>
    <border>
      <left/>
      <right/>
      <top style="thin">
        <color auto="1"/>
      </top>
      <bottom/>
      <diagonal/>
    </border>
    <border>
      <left style="thin">
        <color auto="1"/>
      </left>
      <right style="thin">
        <color auto="1"/>
      </right>
      <top style="thin">
        <color auto="1"/>
      </top>
      <bottom/>
      <diagonal/>
    </border>
    <border>
      <left style="thin">
        <color auto="1"/>
      </left>
      <right style="thin">
        <color auto="1"/>
      </right>
      <top/>
      <bottom/>
      <diagonal/>
    </border>
    <border>
      <left style="medium">
        <color auto="1"/>
      </left>
      <right/>
      <top style="thin">
        <color auto="1"/>
      </top>
      <bottom style="thin">
        <color auto="1"/>
      </bottom>
      <diagonal/>
    </border>
    <border>
      <left/>
      <right style="medium">
        <color indexed="64"/>
      </right>
      <top style="thin">
        <color auto="1"/>
      </top>
      <bottom style="thin">
        <color auto="1"/>
      </bottom>
      <diagonal/>
    </border>
    <border>
      <left style="medium">
        <color indexed="64"/>
      </left>
      <right style="thin">
        <color auto="1"/>
      </right>
      <top/>
      <bottom/>
      <diagonal/>
    </border>
    <border>
      <left style="dotted">
        <color auto="1"/>
      </left>
      <right style="medium">
        <color auto="1"/>
      </right>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0" fontId="6"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9" fillId="0" borderId="0" xfId="0" applyFont="1" applyAlignment="1">
      <alignment horizontal="center" vertical="top" wrapText="1"/>
    </xf>
    <xf numFmtId="16" fontId="5" fillId="0" borderId="0" xfId="0" applyNumberFormat="1" applyFont="1" applyAlignment="1">
      <alignment wrapText="1"/>
    </xf>
    <xf numFmtId="16" fontId="8" fillId="0" borderId="0" xfId="0" applyNumberFormat="1" applyFont="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Font="1" applyAlignment="1">
      <alignment wrapText="1"/>
    </xf>
    <xf numFmtId="0" fontId="6" fillId="0" borderId="0" xfId="0" applyFont="1" applyAlignment="1">
      <alignment horizontal="right"/>
    </xf>
    <xf numFmtId="0" fontId="11" fillId="0" borderId="10"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4" fillId="0" borderId="0" xfId="0" applyFont="1" applyAlignment="1">
      <alignment horizontal="left" vertical="top" wrapText="1"/>
    </xf>
    <xf numFmtId="0" fontId="10" fillId="2" borderId="7" xfId="0" applyFont="1" applyFill="1" applyBorder="1" applyAlignment="1">
      <alignment horizontal="left" vertical="center" wrapText="1"/>
    </xf>
    <xf numFmtId="0" fontId="6" fillId="2" borderId="7"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0" fontId="2" fillId="0" borderId="7" xfId="0" applyFont="1" applyBorder="1" applyAlignment="1">
      <alignment horizontal="center" vertical="center" wrapText="1"/>
    </xf>
    <xf numFmtId="0" fontId="6" fillId="0" borderId="15" xfId="0" applyFont="1" applyBorder="1" applyAlignment="1">
      <alignment horizontal="center" vertical="center" wrapText="1"/>
    </xf>
    <xf numFmtId="49" fontId="2" fillId="0" borderId="6" xfId="0" applyNumberFormat="1" applyFont="1" applyBorder="1" applyAlignment="1">
      <alignment horizontal="left" vertical="center" wrapText="1"/>
    </xf>
    <xf numFmtId="0" fontId="11" fillId="0" borderId="4" xfId="0" applyFont="1" applyBorder="1" applyAlignment="1">
      <alignment horizontal="center"/>
    </xf>
    <xf numFmtId="0" fontId="10" fillId="0" borderId="0" xfId="0" applyFont="1" applyAlignment="1">
      <alignment horizontal="left" vertical="center" wrapText="1"/>
    </xf>
    <xf numFmtId="0" fontId="6" fillId="0" borderId="0" xfId="0" applyFont="1" applyAlignment="1">
      <alignment horizontal="lef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18" xfId="0" applyFont="1" applyBorder="1" applyAlignment="1">
      <alignment horizontal="left" vertical="center" wrapText="1"/>
    </xf>
    <xf numFmtId="0" fontId="0" fillId="5" borderId="0" xfId="0" applyFill="1"/>
    <xf numFmtId="0" fontId="2" fillId="0" borderId="16" xfId="0" applyFont="1" applyBorder="1" applyAlignment="1">
      <alignment horizontal="left" vertical="center" wrapText="1"/>
    </xf>
    <xf numFmtId="3" fontId="2" fillId="0" borderId="0" xfId="0" applyNumberFormat="1" applyFont="1" applyAlignment="1">
      <alignment horizontal="center" vertical="center" wrapText="1"/>
    </xf>
    <xf numFmtId="0" fontId="4" fillId="0" borderId="3" xfId="0" applyFont="1" applyBorder="1" applyAlignment="1">
      <alignment horizontal="left" vertical="center" wrapText="1"/>
    </xf>
    <xf numFmtId="49" fontId="2" fillId="0" borderId="17" xfId="0" applyNumberFormat="1" applyFont="1" applyBorder="1" applyAlignment="1">
      <alignment horizontal="right" vertical="center" wrapText="1"/>
    </xf>
    <xf numFmtId="49" fontId="2" fillId="0" borderId="22" xfId="0" applyNumberFormat="1" applyFont="1" applyBorder="1" applyAlignment="1">
      <alignment horizontal="right" vertical="center" wrapText="1"/>
    </xf>
    <xf numFmtId="49" fontId="2" fillId="0" borderId="21" xfId="0" applyNumberFormat="1" applyFont="1" applyBorder="1" applyAlignment="1">
      <alignment horizontal="center" vertical="center" wrapText="1"/>
    </xf>
    <xf numFmtId="49" fontId="2" fillId="0" borderId="0" xfId="0" applyNumberFormat="1" applyFont="1" applyAlignment="1">
      <alignment horizontal="center" vertical="center" wrapText="1"/>
    </xf>
    <xf numFmtId="0" fontId="4" fillId="0" borderId="0" xfId="0" applyFont="1" applyAlignment="1">
      <alignment horizontal="left" vertical="center" wrapText="1"/>
    </xf>
    <xf numFmtId="0" fontId="2" fillId="0" borderId="24" xfId="0" applyFont="1" applyBorder="1" applyAlignment="1">
      <alignment horizontal="center" vertical="center" wrapText="1"/>
    </xf>
    <xf numFmtId="49" fontId="2" fillId="0" borderId="25"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3" xfId="0" applyNumberFormat="1" applyFont="1" applyBorder="1" applyAlignment="1">
      <alignment horizontal="center" vertical="center" wrapText="1"/>
    </xf>
    <xf numFmtId="0" fontId="6" fillId="0" borderId="26" xfId="0" applyFont="1" applyBorder="1" applyAlignment="1">
      <alignment horizontal="center" vertical="center" wrapText="1"/>
    </xf>
    <xf numFmtId="0" fontId="2" fillId="0" borderId="27" xfId="0" applyFont="1" applyBorder="1" applyAlignment="1">
      <alignment horizontal="center" vertical="center" wrapText="1"/>
    </xf>
    <xf numFmtId="0" fontId="2" fillId="0" borderId="12" xfId="0" applyFont="1" applyBorder="1" applyAlignment="1">
      <alignment horizontal="left" vertical="center" wrapText="1"/>
    </xf>
    <xf numFmtId="0" fontId="2" fillId="0" borderId="28" xfId="0" applyFont="1" applyBorder="1" applyAlignment="1">
      <alignment horizontal="left" vertical="center" wrapText="1"/>
    </xf>
    <xf numFmtId="0" fontId="2" fillId="0" borderId="13" xfId="0" applyFont="1" applyBorder="1" applyAlignment="1">
      <alignment horizontal="left" vertical="center" wrapText="1"/>
    </xf>
    <xf numFmtId="0" fontId="2" fillId="0" borderId="29" xfId="0" applyFont="1" applyBorder="1" applyAlignment="1">
      <alignment horizontal="left" vertical="center" wrapText="1"/>
    </xf>
    <xf numFmtId="0" fontId="2" fillId="0" borderId="30" xfId="0" applyFont="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49" fontId="2" fillId="0" borderId="11" xfId="0" applyNumberFormat="1" applyFont="1" applyBorder="1" applyAlignment="1">
      <alignment horizontal="center" vertical="center" wrapText="1"/>
    </xf>
    <xf numFmtId="49" fontId="2" fillId="0" borderId="17" xfId="0" applyNumberFormat="1" applyFont="1" applyBorder="1" applyAlignment="1">
      <alignment horizontal="center" vertical="center" wrapText="1"/>
    </xf>
    <xf numFmtId="0" fontId="2" fillId="0" borderId="14" xfId="0" applyFont="1" applyBorder="1" applyAlignment="1">
      <alignment horizontal="left" vertical="center" wrapText="1"/>
    </xf>
    <xf numFmtId="49" fontId="2" fillId="2" borderId="34" xfId="0" applyNumberFormat="1" applyFont="1" applyFill="1" applyBorder="1" applyAlignment="1">
      <alignment horizontal="center" vertical="center" wrapText="1"/>
    </xf>
    <xf numFmtId="0" fontId="2" fillId="0" borderId="35" xfId="0" applyFont="1" applyBorder="1" applyAlignment="1">
      <alignment horizontal="left" vertical="center" wrapText="1"/>
    </xf>
    <xf numFmtId="0" fontId="4" fillId="0" borderId="0" xfId="0" applyFont="1" applyAlignment="1">
      <alignment horizontal="center" vertical="top" wrapText="1"/>
    </xf>
    <xf numFmtId="0" fontId="2" fillId="6" borderId="0" xfId="0" applyFont="1" applyFill="1" applyAlignment="1">
      <alignment horizontal="center" vertic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7" xfId="0" applyNumberFormat="1" applyFont="1" applyFill="1" applyBorder="1" applyAlignment="1">
      <alignment horizontal="center" vertical="center" wrapText="1"/>
    </xf>
    <xf numFmtId="49" fontId="2" fillId="2" borderId="38" xfId="0" applyNumberFormat="1" applyFont="1" applyFill="1" applyBorder="1" applyAlignment="1">
      <alignment horizontal="center" vertical="center" wrapText="1"/>
    </xf>
    <xf numFmtId="16" fontId="5" fillId="0" borderId="0" xfId="0" applyNumberFormat="1" applyFont="1" applyAlignment="1">
      <alignment horizontal="left" vertical="top"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6" borderId="7" xfId="0" applyFont="1" applyFill="1" applyBorder="1" applyAlignment="1">
      <alignment horizontal="center" vertical="center" wrapText="1"/>
    </xf>
    <xf numFmtId="0" fontId="3" fillId="0" borderId="0" xfId="0" applyFont="1" applyAlignment="1">
      <alignment horizontal="center" vertical="center" wrapText="1"/>
    </xf>
    <xf numFmtId="3" fontId="3" fillId="0" borderId="0" xfId="0" applyNumberFormat="1" applyFont="1" applyAlignment="1">
      <alignment horizontal="center" vertical="center" wrapText="1"/>
    </xf>
    <xf numFmtId="16" fontId="5" fillId="6" borderId="0" xfId="0" applyNumberFormat="1" applyFont="1" applyFill="1" applyAlignment="1">
      <alignment horizontal="left" vertical="top" wrapText="1"/>
    </xf>
    <xf numFmtId="49" fontId="2" fillId="0" borderId="23" xfId="0" applyNumberFormat="1" applyFont="1" applyBorder="1" applyAlignment="1">
      <alignment horizontal="right" vertical="center" wrapText="1"/>
    </xf>
    <xf numFmtId="0" fontId="2" fillId="6" borderId="7" xfId="0" applyFont="1" applyFill="1" applyBorder="1" applyAlignment="1">
      <alignment vertical="center" wrapText="1"/>
    </xf>
    <xf numFmtId="0" fontId="3" fillId="2" borderId="7" xfId="0" applyFont="1" applyFill="1" applyBorder="1" applyAlignment="1">
      <alignment vertical="top" wrapText="1"/>
    </xf>
    <xf numFmtId="0" fontId="3" fillId="6" borderId="0" xfId="0" applyFont="1" applyFill="1" applyAlignment="1">
      <alignment horizontal="center" vertical="top" wrapText="1"/>
    </xf>
    <xf numFmtId="3" fontId="2" fillId="6" borderId="0" xfId="0" applyNumberFormat="1" applyFont="1" applyFill="1" applyAlignment="1">
      <alignment horizontal="center" vertical="center" wrapText="1"/>
    </xf>
    <xf numFmtId="0" fontId="3" fillId="6" borderId="0" xfId="0" applyFont="1" applyFill="1" applyAlignment="1">
      <alignment vertical="center" wrapText="1"/>
    </xf>
    <xf numFmtId="49" fontId="2" fillId="0" borderId="39" xfId="0" applyNumberFormat="1" applyFont="1" applyBorder="1" applyAlignment="1">
      <alignment horizontal="left" vertical="center" wrapText="1"/>
    </xf>
    <xf numFmtId="0" fontId="4" fillId="0" borderId="40" xfId="0" applyFont="1" applyBorder="1" applyAlignment="1">
      <alignment horizontal="left" vertical="center" wrapText="1"/>
    </xf>
    <xf numFmtId="0" fontId="4" fillId="0" borderId="41" xfId="0" applyFont="1" applyBorder="1" applyAlignment="1">
      <alignment horizontal="left" vertical="center" wrapText="1"/>
    </xf>
    <xf numFmtId="0" fontId="4" fillId="0" borderId="42" xfId="0" applyFont="1" applyBorder="1" applyAlignment="1">
      <alignment horizontal="left" vertical="center" wrapText="1"/>
    </xf>
    <xf numFmtId="0" fontId="4" fillId="6" borderId="3" xfId="0" applyFont="1" applyFill="1" applyBorder="1" applyAlignment="1">
      <alignment horizontal="left" vertical="center" wrapText="1"/>
    </xf>
    <xf numFmtId="0" fontId="4" fillId="0" borderId="43" xfId="0" applyFont="1" applyBorder="1" applyAlignment="1">
      <alignment horizontal="left" vertical="center" wrapText="1"/>
    </xf>
    <xf numFmtId="0" fontId="4" fillId="6" borderId="42" xfId="0" applyFont="1" applyFill="1" applyBorder="1" applyAlignment="1">
      <alignment horizontal="left" vertical="center" wrapText="1"/>
    </xf>
    <xf numFmtId="0" fontId="4" fillId="0" borderId="44" xfId="0" applyFont="1" applyBorder="1" applyAlignment="1">
      <alignment horizontal="left" vertical="center" wrapText="1"/>
    </xf>
    <xf numFmtId="49" fontId="2" fillId="0" borderId="46" xfId="0" applyNumberFormat="1" applyFont="1" applyBorder="1" applyAlignment="1">
      <alignment horizontal="left" vertical="center" wrapText="1"/>
    </xf>
    <xf numFmtId="0" fontId="2" fillId="0" borderId="47" xfId="0" applyFont="1" applyBorder="1" applyAlignment="1">
      <alignment horizontal="center" vertical="center" wrapText="1"/>
    </xf>
    <xf numFmtId="49" fontId="2" fillId="0" borderId="30" xfId="0" applyNumberFormat="1" applyFont="1" applyBorder="1" applyAlignment="1">
      <alignment horizontal="left" vertical="center" wrapText="1"/>
    </xf>
    <xf numFmtId="49" fontId="4" fillId="0" borderId="7" xfId="0" applyNumberFormat="1" applyFont="1" applyBorder="1" applyAlignment="1">
      <alignment horizontal="left" vertical="center" wrapText="1"/>
    </xf>
    <xf numFmtId="0" fontId="2" fillId="0" borderId="48" xfId="0" applyFont="1" applyBorder="1" applyAlignment="1">
      <alignment vertical="center" wrapText="1"/>
    </xf>
    <xf numFmtId="49" fontId="2" fillId="0" borderId="5" xfId="0" applyNumberFormat="1" applyFont="1" applyBorder="1" applyAlignment="1">
      <alignment horizontal="center" vertical="center"/>
    </xf>
    <xf numFmtId="49" fontId="2" fillId="0" borderId="5" xfId="0" applyNumberFormat="1" applyFont="1" applyBorder="1" applyAlignment="1">
      <alignment horizontal="right" vertical="center"/>
    </xf>
    <xf numFmtId="49" fontId="13" fillId="0" borderId="7" xfId="0" applyNumberFormat="1" applyFont="1" applyBorder="1" applyAlignment="1">
      <alignment horizontal="left" vertical="center" wrapText="1"/>
    </xf>
    <xf numFmtId="49" fontId="5" fillId="6" borderId="32" xfId="0" applyNumberFormat="1" applyFont="1" applyFill="1" applyBorder="1" applyAlignment="1">
      <alignment horizontal="left" vertical="center" wrapText="1"/>
    </xf>
    <xf numFmtId="0" fontId="4" fillId="0" borderId="0" xfId="0" applyFont="1" applyAlignment="1">
      <alignment vertical="top" wrapText="1"/>
    </xf>
    <xf numFmtId="0" fontId="4" fillId="0" borderId="24" xfId="0" applyFont="1" applyBorder="1" applyAlignment="1">
      <alignment horizontal="left" vertical="center" wrapText="1"/>
    </xf>
    <xf numFmtId="0" fontId="2" fillId="0" borderId="25" xfId="0" applyFont="1" applyBorder="1" applyAlignment="1">
      <alignment horizontal="left" vertical="center" wrapText="1"/>
    </xf>
    <xf numFmtId="49" fontId="5" fillId="0" borderId="0" xfId="1" applyNumberFormat="1" applyFont="1" applyAlignment="1">
      <alignment horizontal="left" wrapText="1"/>
    </xf>
    <xf numFmtId="49" fontId="2" fillId="0" borderId="51" xfId="0" applyNumberFormat="1" applyFont="1" applyBorder="1" applyAlignment="1">
      <alignment horizontal="center" vertical="center" wrapText="1"/>
    </xf>
    <xf numFmtId="0" fontId="2" fillId="0" borderId="47" xfId="0" applyFont="1" applyBorder="1" applyAlignment="1">
      <alignment horizontal="left" vertical="center" wrapText="1"/>
    </xf>
    <xf numFmtId="0" fontId="2" fillId="0" borderId="52" xfId="0" applyFont="1" applyBorder="1" applyAlignment="1">
      <alignment horizontal="left" vertical="center" wrapText="1"/>
    </xf>
    <xf numFmtId="0" fontId="2" fillId="6" borderId="24" xfId="0" applyFont="1" applyFill="1" applyBorder="1" applyAlignment="1">
      <alignment horizontal="left" vertical="top" wrapText="1"/>
    </xf>
    <xf numFmtId="3" fontId="2" fillId="0" borderId="7" xfId="0" applyNumberFormat="1" applyFont="1" applyBorder="1" applyAlignment="1">
      <alignment horizontal="center" vertical="center" wrapText="1"/>
    </xf>
    <xf numFmtId="3" fontId="2" fillId="6" borderId="7" xfId="0" applyNumberFormat="1" applyFont="1" applyFill="1" applyBorder="1" applyAlignment="1">
      <alignment horizontal="center" vertical="center" wrapText="1"/>
    </xf>
    <xf numFmtId="0" fontId="3" fillId="3" borderId="0" xfId="0" applyFont="1" applyFill="1" applyAlignment="1">
      <alignment horizontal="center" vertical="center" wrapText="1"/>
    </xf>
    <xf numFmtId="0" fontId="4" fillId="0" borderId="0" xfId="0" applyFont="1" applyAlignment="1">
      <alignment horizontal="left" vertical="top" wrapText="1"/>
    </xf>
    <xf numFmtId="49" fontId="5" fillId="4" borderId="31" xfId="0" applyNumberFormat="1" applyFont="1" applyFill="1" applyBorder="1" applyAlignment="1">
      <alignment horizontal="left" vertical="center" wrapText="1"/>
    </xf>
    <xf numFmtId="49" fontId="5" fillId="4" borderId="19" xfId="0" applyNumberFormat="1" applyFont="1" applyFill="1" applyBorder="1" applyAlignment="1">
      <alignment horizontal="left" vertical="center" wrapText="1"/>
    </xf>
    <xf numFmtId="49" fontId="5" fillId="4" borderId="32" xfId="0" applyNumberFormat="1" applyFont="1" applyFill="1" applyBorder="1" applyAlignment="1">
      <alignment horizontal="left" vertical="center" wrapText="1"/>
    </xf>
    <xf numFmtId="0" fontId="3" fillId="0" borderId="0" xfId="0" applyFont="1" applyAlignment="1">
      <alignment horizontal="left" vertical="center"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7" fillId="0" borderId="0" xfId="0" applyFont="1" applyAlignment="1">
      <alignment horizontal="left" vertical="center" wrapText="1"/>
    </xf>
    <xf numFmtId="49" fontId="3" fillId="2" borderId="1" xfId="0" applyNumberFormat="1" applyFont="1" applyFill="1" applyBorder="1" applyAlignment="1">
      <alignment horizontal="left" vertical="top" wrapText="1"/>
    </xf>
    <xf numFmtId="49" fontId="3" fillId="2" borderId="36" xfId="0" applyNumberFormat="1" applyFont="1" applyFill="1" applyBorder="1" applyAlignment="1">
      <alignment horizontal="left" vertical="top" wrapText="1"/>
    </xf>
    <xf numFmtId="49" fontId="3" fillId="2" borderId="31" xfId="0" applyNumberFormat="1" applyFont="1" applyFill="1" applyBorder="1" applyAlignment="1">
      <alignment horizontal="left" vertical="top" wrapText="1"/>
    </xf>
    <xf numFmtId="49" fontId="3" fillId="2" borderId="20" xfId="0" applyNumberFormat="1" applyFont="1" applyFill="1" applyBorder="1" applyAlignment="1">
      <alignment horizontal="left" vertical="top" wrapText="1"/>
    </xf>
    <xf numFmtId="0" fontId="3" fillId="4" borderId="3" xfId="0" applyFont="1" applyFill="1" applyBorder="1" applyAlignment="1">
      <alignment horizontal="left" vertical="center" wrapText="1"/>
    </xf>
    <xf numFmtId="0" fontId="3" fillId="4" borderId="33" xfId="0" applyFont="1" applyFill="1" applyBorder="1" applyAlignment="1">
      <alignment horizontal="left" vertical="center" wrapText="1"/>
    </xf>
    <xf numFmtId="0" fontId="3" fillId="4" borderId="45" xfId="0" applyFont="1" applyFill="1" applyBorder="1" applyAlignment="1">
      <alignment horizontal="left" vertical="center" wrapText="1"/>
    </xf>
    <xf numFmtId="0" fontId="4" fillId="0" borderId="0" xfId="0" applyFont="1" applyAlignment="1">
      <alignment horizontal="left" vertical="center" wrapText="1"/>
    </xf>
    <xf numFmtId="16" fontId="3" fillId="0" borderId="0" xfId="0" applyNumberFormat="1" applyFont="1" applyAlignment="1">
      <alignment horizontal="left" vertical="top" wrapText="1"/>
    </xf>
    <xf numFmtId="0" fontId="4" fillId="6" borderId="0" xfId="0" applyFont="1" applyFill="1" applyAlignment="1">
      <alignment horizontal="left" vertical="top" wrapText="1"/>
    </xf>
    <xf numFmtId="16" fontId="5" fillId="0" borderId="0" xfId="0" applyNumberFormat="1" applyFont="1" applyAlignment="1">
      <alignment horizontal="left" vertical="top" wrapText="1"/>
    </xf>
    <xf numFmtId="0" fontId="2" fillId="0" borderId="0" xfId="0" applyFont="1" applyAlignment="1">
      <alignment horizontal="center" vertical="center" wrapText="1"/>
    </xf>
    <xf numFmtId="0" fontId="2" fillId="0" borderId="0" xfId="0" applyFont="1" applyAlignment="1">
      <alignment horizontal="center" vertical="top" wrapText="1"/>
    </xf>
    <xf numFmtId="0" fontId="3" fillId="0" borderId="0" xfId="0" applyFont="1" applyAlignment="1">
      <alignment horizontal="center" vertical="center"/>
    </xf>
    <xf numFmtId="0" fontId="6" fillId="0" borderId="0" xfId="5" applyFont="1" applyAlignment="1">
      <alignment horizontal="center" vertical="top" wrapText="1"/>
    </xf>
    <xf numFmtId="49" fontId="4" fillId="0" borderId="0" xfId="1" applyNumberFormat="1" applyAlignment="1">
      <alignment horizontal="left"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Font="1" applyAlignment="1">
      <alignment horizontal="left" vertical="center" wrapText="1"/>
    </xf>
    <xf numFmtId="49" fontId="5" fillId="6" borderId="49" xfId="0" applyNumberFormat="1" applyFont="1" applyFill="1" applyBorder="1" applyAlignment="1">
      <alignment horizontal="left" vertical="center" wrapText="1"/>
    </xf>
    <xf numFmtId="49" fontId="5" fillId="6" borderId="45" xfId="0" applyNumberFormat="1" applyFont="1" applyFill="1" applyBorder="1" applyAlignment="1">
      <alignment horizontal="left" vertical="center" wrapText="1"/>
    </xf>
    <xf numFmtId="49" fontId="3" fillId="4" borderId="49" xfId="0" applyNumberFormat="1" applyFont="1" applyFill="1" applyBorder="1" applyAlignment="1">
      <alignment horizontal="left" vertical="center" wrapText="1"/>
    </xf>
    <xf numFmtId="49" fontId="3" fillId="4" borderId="33" xfId="0" applyNumberFormat="1" applyFont="1" applyFill="1" applyBorder="1" applyAlignment="1">
      <alignment horizontal="left" vertical="center" wrapText="1"/>
    </xf>
    <xf numFmtId="49" fontId="3" fillId="4" borderId="50" xfId="0" applyNumberFormat="1" applyFont="1" applyFill="1" applyBorder="1" applyAlignment="1">
      <alignment horizontal="left" vertical="center" wrapText="1"/>
    </xf>
    <xf numFmtId="49" fontId="3" fillId="0" borderId="49" xfId="0" applyNumberFormat="1" applyFont="1" applyBorder="1" applyAlignment="1">
      <alignment horizontal="left" vertical="center" wrapText="1"/>
    </xf>
    <xf numFmtId="49" fontId="3" fillId="0" borderId="45" xfId="0" applyNumberFormat="1" applyFont="1" applyBorder="1" applyAlignment="1">
      <alignment horizontal="left" vertical="center" wrapText="1"/>
    </xf>
  </cellXfs>
  <cellStyles count="6">
    <cellStyle name="Normálna" xfId="0" builtinId="0"/>
    <cellStyle name="Normálna 2" xfId="2" xr:uid="{00000000-0005-0000-0000-000001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1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1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5</xdr:row>
          <xdr:rowOff>9525</xdr:rowOff>
        </xdr:from>
        <xdr:to>
          <xdr:col>0</xdr:col>
          <xdr:colOff>885825</xdr:colOff>
          <xdr:row>35</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1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6</xdr:row>
          <xdr:rowOff>0</xdr:rowOff>
        </xdr:from>
        <xdr:to>
          <xdr:col>0</xdr:col>
          <xdr:colOff>885825</xdr:colOff>
          <xdr:row>3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1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2"/>
  <sheetViews>
    <sheetView workbookViewId="0">
      <selection activeCell="M24" sqref="M24"/>
    </sheetView>
  </sheetViews>
  <sheetFormatPr defaultRowHeight="15" x14ac:dyDescent="0.25"/>
  <sheetData>
    <row r="2" spans="2:2" x14ac:dyDescent="0.25">
      <c r="B2" s="37"/>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pageSetUpPr fitToPage="1"/>
  </sheetPr>
  <dimension ref="A1:E158"/>
  <sheetViews>
    <sheetView showGridLines="0" tabSelected="1" zoomScale="80" zoomScaleNormal="80" workbookViewId="0">
      <selection activeCell="K116" sqref="K116"/>
    </sheetView>
  </sheetViews>
  <sheetFormatPr defaultRowHeight="12.75" x14ac:dyDescent="0.2"/>
  <cols>
    <col min="1" max="1" width="13.85546875"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136" t="s">
        <v>39</v>
      </c>
      <c r="B1" s="136"/>
      <c r="C1" s="136"/>
      <c r="D1" s="136"/>
      <c r="E1" s="17"/>
    </row>
    <row r="2" spans="1:5" ht="27.75" customHeight="1" x14ac:dyDescent="0.2">
      <c r="A2" s="134" t="s">
        <v>38</v>
      </c>
      <c r="B2" s="134"/>
      <c r="C2" s="134"/>
      <c r="D2" s="134"/>
      <c r="E2" s="2"/>
    </row>
    <row r="3" spans="1:5" ht="81" customHeight="1" x14ac:dyDescent="0.2">
      <c r="A3" s="135" t="s">
        <v>43</v>
      </c>
      <c r="B3" s="135"/>
      <c r="C3" s="135"/>
      <c r="D3" s="135"/>
      <c r="E3" s="3"/>
    </row>
    <row r="4" spans="1:5" ht="24.95" customHeight="1" x14ac:dyDescent="0.2">
      <c r="A4" s="74" t="s">
        <v>42</v>
      </c>
      <c r="B4" s="25"/>
      <c r="C4" s="6"/>
      <c r="D4" s="6"/>
    </row>
    <row r="5" spans="1:5" ht="24.95" customHeight="1" x14ac:dyDescent="0.2">
      <c r="A5" s="74" t="s">
        <v>40</v>
      </c>
      <c r="B5" s="26"/>
      <c r="C5" s="6"/>
      <c r="D5" s="6"/>
    </row>
    <row r="6" spans="1:5" ht="7.5" customHeight="1" x14ac:dyDescent="0.2">
      <c r="A6" s="6"/>
      <c r="B6" s="6"/>
      <c r="C6" s="6"/>
      <c r="D6" s="6"/>
    </row>
    <row r="7" spans="1:5" s="2" customFormat="1" ht="20.100000000000001" customHeight="1" x14ac:dyDescent="0.25">
      <c r="A7" s="112" t="s">
        <v>4</v>
      </c>
      <c r="B7" s="112"/>
      <c r="C7" s="112"/>
      <c r="D7" s="112"/>
      <c r="E7" s="84"/>
    </row>
    <row r="8" spans="1:5" s="2" customFormat="1" ht="20.100000000000001" customHeight="1" x14ac:dyDescent="0.25">
      <c r="A8" s="131" t="s">
        <v>7</v>
      </c>
      <c r="B8" s="131"/>
      <c r="C8" s="131"/>
      <c r="D8" s="131"/>
    </row>
    <row r="9" spans="1:5" ht="24.95" customHeight="1" x14ac:dyDescent="0.2">
      <c r="A9" s="132" t="s">
        <v>160</v>
      </c>
      <c r="B9" s="132"/>
      <c r="C9" s="132"/>
      <c r="D9" s="132"/>
    </row>
    <row r="10" spans="1:5" ht="4.5" customHeight="1" x14ac:dyDescent="0.2">
      <c r="A10" s="66"/>
      <c r="B10" s="24"/>
      <c r="C10" s="24"/>
      <c r="D10" s="24"/>
    </row>
    <row r="11" spans="1:5" s="2" customFormat="1" ht="20.100000000000001" customHeight="1" x14ac:dyDescent="0.25">
      <c r="A11" s="133" t="s">
        <v>8</v>
      </c>
      <c r="B11" s="133"/>
      <c r="C11" s="133"/>
      <c r="D11" s="133"/>
    </row>
    <row r="12" spans="1:5" s="57" customFormat="1" ht="20.100000000000001" customHeight="1" x14ac:dyDescent="0.25">
      <c r="A12" s="130" t="s">
        <v>121</v>
      </c>
      <c r="B12" s="130"/>
      <c r="C12" s="130"/>
      <c r="D12" s="78"/>
    </row>
    <row r="13" spans="1:5" s="57" customFormat="1" ht="20.100000000000001" customHeight="1" x14ac:dyDescent="0.25">
      <c r="A13" s="130" t="s">
        <v>122</v>
      </c>
      <c r="B13" s="130"/>
      <c r="C13" s="45"/>
      <c r="D13" s="78"/>
    </row>
    <row r="14" spans="1:5" s="3" customFormat="1" ht="20.100000000000001" customHeight="1" x14ac:dyDescent="0.25">
      <c r="A14" s="130" t="s">
        <v>50</v>
      </c>
      <c r="B14" s="130"/>
      <c r="C14" s="130"/>
      <c r="D14" s="12"/>
    </row>
    <row r="15" spans="1:5" ht="4.5" customHeight="1" x14ac:dyDescent="0.2">
      <c r="A15" s="66"/>
      <c r="B15" s="24"/>
      <c r="C15" s="24"/>
      <c r="D15" s="24"/>
    </row>
    <row r="16" spans="1:5" ht="20.100000000000001" customHeight="1" x14ac:dyDescent="0.2">
      <c r="A16" s="72" t="s">
        <v>9</v>
      </c>
      <c r="B16" s="13"/>
      <c r="C16" s="13"/>
      <c r="D16" s="14"/>
    </row>
    <row r="17" spans="1:5" s="3" customFormat="1" ht="24.95" customHeight="1" x14ac:dyDescent="0.25">
      <c r="A17" s="113" t="s">
        <v>59</v>
      </c>
      <c r="B17" s="113"/>
      <c r="C17" s="113"/>
      <c r="D17" s="12"/>
    </row>
    <row r="18" spans="1:5" ht="5.0999999999999996" customHeight="1" x14ac:dyDescent="0.2">
      <c r="A18" s="121"/>
      <c r="B18" s="121"/>
      <c r="C18" s="121"/>
    </row>
    <row r="19" spans="1:5" s="2" customFormat="1" ht="20.100000000000001" customHeight="1" x14ac:dyDescent="0.25">
      <c r="A19" s="112" t="s">
        <v>16</v>
      </c>
      <c r="B19" s="112"/>
      <c r="C19" s="112"/>
      <c r="D19" s="112"/>
      <c r="E19" s="84"/>
    </row>
    <row r="20" spans="1:5" s="58" customFormat="1" ht="42.75" customHeight="1" x14ac:dyDescent="0.2">
      <c r="A20" s="102" t="s">
        <v>72</v>
      </c>
      <c r="B20" s="102"/>
      <c r="C20" s="102"/>
      <c r="D20" s="102"/>
      <c r="E20" s="102"/>
    </row>
    <row r="21" spans="1:5" ht="5.0999999999999996" customHeight="1" x14ac:dyDescent="0.2">
      <c r="A21" s="121"/>
      <c r="B21" s="121"/>
      <c r="C21" s="121"/>
    </row>
    <row r="22" spans="1:5" s="2" customFormat="1" ht="20.100000000000001" customHeight="1" x14ac:dyDescent="0.25">
      <c r="A22" s="112" t="s">
        <v>17</v>
      </c>
      <c r="B22" s="112"/>
      <c r="C22" s="112"/>
      <c r="D22" s="112"/>
      <c r="E22" s="84"/>
    </row>
    <row r="23" spans="1:5" s="2" customFormat="1" ht="20.100000000000001" customHeight="1" x14ac:dyDescent="0.25">
      <c r="A23" s="120" t="s">
        <v>5</v>
      </c>
      <c r="B23" s="120"/>
      <c r="C23" s="120"/>
      <c r="D23" s="120"/>
    </row>
    <row r="24" spans="1:5" s="2" customFormat="1" ht="20.100000000000001" customHeight="1" x14ac:dyDescent="0.25">
      <c r="A24" s="117" t="s">
        <v>13</v>
      </c>
      <c r="B24" s="122"/>
      <c r="C24" s="11"/>
      <c r="D24" s="11"/>
    </row>
    <row r="25" spans="1:5" s="57" customFormat="1" ht="20.100000000000001" customHeight="1" x14ac:dyDescent="0.25">
      <c r="A25" s="67"/>
      <c r="B25" s="59" t="s">
        <v>71</v>
      </c>
      <c r="C25" s="60"/>
      <c r="D25" s="60"/>
    </row>
    <row r="26" spans="1:5" s="2" customFormat="1" ht="20.100000000000001" customHeight="1" x14ac:dyDescent="0.25">
      <c r="A26" s="6"/>
      <c r="B26" s="10" t="s">
        <v>15</v>
      </c>
      <c r="C26" s="11"/>
      <c r="D26" s="11"/>
    </row>
    <row r="27" spans="1:5" s="2" customFormat="1" ht="20.100000000000001" customHeight="1" x14ac:dyDescent="0.25">
      <c r="A27" s="117" t="s">
        <v>70</v>
      </c>
      <c r="B27" s="122"/>
      <c r="C27" s="11"/>
      <c r="D27" s="11"/>
    </row>
    <row r="28" spans="1:5" s="6" customFormat="1" ht="31.5" customHeight="1" x14ac:dyDescent="0.25">
      <c r="A28" s="48" t="s">
        <v>54</v>
      </c>
      <c r="B28" s="81" t="s">
        <v>73</v>
      </c>
      <c r="C28" s="48" t="s">
        <v>58</v>
      </c>
      <c r="D28" s="48" t="s">
        <v>120</v>
      </c>
      <c r="E28" s="82"/>
    </row>
    <row r="29" spans="1:5" s="6" customFormat="1" ht="27" customHeight="1" x14ac:dyDescent="0.25">
      <c r="A29" s="127" t="s">
        <v>74</v>
      </c>
      <c r="B29" s="128"/>
      <c r="C29" s="128"/>
      <c r="D29" s="129"/>
      <c r="E29" s="83"/>
    </row>
    <row r="30" spans="1:5" s="6" customFormat="1" ht="27" customHeight="1" x14ac:dyDescent="0.25">
      <c r="A30" s="34" t="s">
        <v>55</v>
      </c>
      <c r="B30" s="80" t="s">
        <v>75</v>
      </c>
      <c r="C30" s="75" t="s">
        <v>1</v>
      </c>
      <c r="D30" s="111">
        <v>28388</v>
      </c>
      <c r="E30" s="83"/>
    </row>
    <row r="31" spans="1:5" s="6" customFormat="1" ht="27" customHeight="1" x14ac:dyDescent="0.25">
      <c r="A31" s="127" t="s">
        <v>159</v>
      </c>
      <c r="B31" s="128"/>
      <c r="C31" s="128"/>
      <c r="D31" s="129"/>
      <c r="E31" s="83"/>
    </row>
    <row r="32" spans="1:5" s="6" customFormat="1" ht="27" customHeight="1" x14ac:dyDescent="0.25">
      <c r="A32" s="34" t="s">
        <v>55</v>
      </c>
      <c r="B32" s="80" t="s">
        <v>114</v>
      </c>
      <c r="C32" s="75" t="s">
        <v>1</v>
      </c>
      <c r="D32" s="110">
        <v>6072</v>
      </c>
      <c r="E32" s="83"/>
    </row>
    <row r="33" spans="1:5" s="2" customFormat="1" ht="27.75" customHeight="1" x14ac:dyDescent="0.25">
      <c r="A33" s="76" t="s">
        <v>56</v>
      </c>
      <c r="B33" s="10"/>
      <c r="C33" s="10"/>
      <c r="D33" s="39"/>
      <c r="E33" s="77"/>
    </row>
    <row r="34" spans="1:5" s="2" customFormat="1" ht="10.5" customHeight="1" x14ac:dyDescent="0.25">
      <c r="A34" s="6"/>
      <c r="B34" s="10"/>
      <c r="C34" s="10"/>
      <c r="D34" s="39"/>
      <c r="E34" s="39"/>
    </row>
    <row r="35" spans="1:5" s="2" customFormat="1" ht="10.5" customHeight="1" x14ac:dyDescent="0.25">
      <c r="A35" s="117" t="s">
        <v>14</v>
      </c>
      <c r="B35" s="117"/>
      <c r="C35" s="11"/>
      <c r="D35" s="11"/>
    </row>
    <row r="36" spans="1:5" s="2" customFormat="1" ht="21" customHeight="1" x14ac:dyDescent="0.2">
      <c r="A36" s="8"/>
      <c r="B36" s="2" t="s">
        <v>2</v>
      </c>
      <c r="C36" s="11"/>
      <c r="D36" s="11"/>
    </row>
    <row r="37" spans="1:5" s="2" customFormat="1" ht="19.5" customHeight="1" x14ac:dyDescent="0.25">
      <c r="A37" s="6"/>
      <c r="B37" s="2" t="s">
        <v>3</v>
      </c>
      <c r="C37" s="11"/>
      <c r="D37" s="11"/>
    </row>
    <row r="38" spans="1:5" ht="10.5" customHeight="1" x14ac:dyDescent="0.2"/>
    <row r="39" spans="1:5" s="2" customFormat="1" ht="20.100000000000001" customHeight="1" x14ac:dyDescent="0.25">
      <c r="A39" s="112" t="s">
        <v>18</v>
      </c>
      <c r="B39" s="112"/>
      <c r="C39" s="112"/>
      <c r="D39" s="112"/>
      <c r="E39" s="84"/>
    </row>
    <row r="40" spans="1:5" s="2" customFormat="1" ht="5.0999999999999996" customHeight="1" thickBot="1" x14ac:dyDescent="0.3">
      <c r="A40" s="6"/>
      <c r="C40" s="6"/>
      <c r="D40" s="6"/>
    </row>
    <row r="41" spans="1:5" s="3" customFormat="1" ht="99.75" customHeight="1" x14ac:dyDescent="0.25">
      <c r="A41" s="123" t="s">
        <v>0</v>
      </c>
      <c r="B41" s="124"/>
      <c r="C41" s="118" t="s">
        <v>19</v>
      </c>
      <c r="D41" s="119"/>
      <c r="E41" s="15"/>
    </row>
    <row r="42" spans="1:5" s="3" customFormat="1" ht="35.25" customHeight="1" x14ac:dyDescent="0.25">
      <c r="A42" s="125"/>
      <c r="B42" s="126"/>
      <c r="C42" s="71" t="s">
        <v>20</v>
      </c>
      <c r="D42" s="70" t="s">
        <v>21</v>
      </c>
    </row>
    <row r="43" spans="1:5" s="17" customFormat="1" ht="30.75" customHeight="1" x14ac:dyDescent="0.25">
      <c r="A43" s="114" t="s">
        <v>74</v>
      </c>
      <c r="B43" s="115"/>
      <c r="C43" s="115"/>
      <c r="D43" s="116"/>
    </row>
    <row r="44" spans="1:5" s="17" customFormat="1" ht="30.75" customHeight="1" x14ac:dyDescent="0.25">
      <c r="A44" s="142" t="s">
        <v>155</v>
      </c>
      <c r="B44" s="143"/>
      <c r="C44" s="28"/>
      <c r="D44" s="101"/>
    </row>
    <row r="45" spans="1:5" s="4" customFormat="1" ht="30" customHeight="1" x14ac:dyDescent="0.25">
      <c r="A45" s="98" t="s">
        <v>11</v>
      </c>
      <c r="B45" s="96" t="s">
        <v>154</v>
      </c>
      <c r="C45" s="28"/>
      <c r="D45" s="30"/>
    </row>
    <row r="46" spans="1:5" s="4" customFormat="1" ht="30" customHeight="1" x14ac:dyDescent="0.25">
      <c r="A46" s="98" t="s">
        <v>46</v>
      </c>
      <c r="B46" s="96" t="s">
        <v>76</v>
      </c>
      <c r="C46" s="94"/>
      <c r="D46" s="95"/>
    </row>
    <row r="47" spans="1:5" s="4" customFormat="1" ht="30" customHeight="1" x14ac:dyDescent="0.25">
      <c r="A47" s="98" t="s">
        <v>47</v>
      </c>
      <c r="B47" s="100" t="s">
        <v>77</v>
      </c>
      <c r="C47" s="94"/>
      <c r="D47" s="95"/>
    </row>
    <row r="48" spans="1:5" s="4" customFormat="1" ht="30" customHeight="1" x14ac:dyDescent="0.25">
      <c r="A48" s="99" t="s">
        <v>60</v>
      </c>
      <c r="B48" s="96" t="s">
        <v>78</v>
      </c>
      <c r="C48" s="94"/>
      <c r="D48" s="95"/>
    </row>
    <row r="49" spans="1:4" s="4" customFormat="1" ht="30" customHeight="1" x14ac:dyDescent="0.25">
      <c r="A49" s="99" t="s">
        <v>61</v>
      </c>
      <c r="B49" s="96" t="s">
        <v>79</v>
      </c>
      <c r="C49" s="94"/>
      <c r="D49" s="95"/>
    </row>
    <row r="50" spans="1:4" s="4" customFormat="1" ht="30" customHeight="1" x14ac:dyDescent="0.25">
      <c r="A50" s="98" t="s">
        <v>48</v>
      </c>
      <c r="B50" s="100" t="s">
        <v>80</v>
      </c>
      <c r="C50" s="94"/>
      <c r="D50" s="95"/>
    </row>
    <row r="51" spans="1:4" s="4" customFormat="1" ht="30" customHeight="1" x14ac:dyDescent="0.25">
      <c r="A51" s="99" t="s">
        <v>101</v>
      </c>
      <c r="B51" s="96" t="s">
        <v>81</v>
      </c>
      <c r="C51" s="94"/>
      <c r="D51" s="95"/>
    </row>
    <row r="52" spans="1:4" s="4" customFormat="1" ht="30" customHeight="1" x14ac:dyDescent="0.25">
      <c r="A52" s="99" t="s">
        <v>102</v>
      </c>
      <c r="B52" s="96" t="s">
        <v>82</v>
      </c>
      <c r="C52" s="94"/>
      <c r="D52" s="95"/>
    </row>
    <row r="53" spans="1:4" s="4" customFormat="1" ht="30" customHeight="1" x14ac:dyDescent="0.25">
      <c r="A53" s="98" t="s">
        <v>62</v>
      </c>
      <c r="B53" s="100" t="s">
        <v>83</v>
      </c>
      <c r="C53" s="94"/>
      <c r="D53" s="95"/>
    </row>
    <row r="54" spans="1:4" s="4" customFormat="1" ht="30" customHeight="1" x14ac:dyDescent="0.25">
      <c r="A54" s="99" t="s">
        <v>103</v>
      </c>
      <c r="B54" s="96" t="s">
        <v>84</v>
      </c>
      <c r="C54" s="94"/>
      <c r="D54" s="95"/>
    </row>
    <row r="55" spans="1:4" s="4" customFormat="1" ht="30" customHeight="1" x14ac:dyDescent="0.25">
      <c r="A55" s="99" t="s">
        <v>104</v>
      </c>
      <c r="B55" s="96" t="s">
        <v>85</v>
      </c>
      <c r="C55" s="94"/>
      <c r="D55" s="95"/>
    </row>
    <row r="56" spans="1:4" s="4" customFormat="1" ht="30" customHeight="1" x14ac:dyDescent="0.25">
      <c r="A56" s="98" t="s">
        <v>63</v>
      </c>
      <c r="B56" s="96" t="s">
        <v>86</v>
      </c>
      <c r="C56" s="94"/>
      <c r="D56" s="95"/>
    </row>
    <row r="57" spans="1:4" s="4" customFormat="1" ht="30" customHeight="1" x14ac:dyDescent="0.25">
      <c r="A57" s="98" t="s">
        <v>64</v>
      </c>
      <c r="B57" s="97" t="s">
        <v>87</v>
      </c>
      <c r="C57" s="94"/>
      <c r="D57" s="95"/>
    </row>
    <row r="58" spans="1:4" s="4" customFormat="1" ht="30" customHeight="1" x14ac:dyDescent="0.25">
      <c r="A58" s="98" t="s">
        <v>65</v>
      </c>
      <c r="B58" s="96" t="s">
        <v>88</v>
      </c>
      <c r="C58" s="94"/>
      <c r="D58" s="95"/>
    </row>
    <row r="59" spans="1:4" s="4" customFormat="1" ht="30" customHeight="1" x14ac:dyDescent="0.25">
      <c r="A59" s="98" t="s">
        <v>66</v>
      </c>
      <c r="B59" s="96" t="s">
        <v>89</v>
      </c>
      <c r="C59" s="94"/>
      <c r="D59" s="95"/>
    </row>
    <row r="60" spans="1:4" s="4" customFormat="1" ht="30" customHeight="1" x14ac:dyDescent="0.25">
      <c r="A60" s="98" t="s">
        <v>67</v>
      </c>
      <c r="B60" s="100" t="s">
        <v>90</v>
      </c>
      <c r="C60" s="94"/>
      <c r="D60" s="95"/>
    </row>
    <row r="61" spans="1:4" s="4" customFormat="1" ht="30" customHeight="1" x14ac:dyDescent="0.25">
      <c r="A61" s="99" t="s">
        <v>105</v>
      </c>
      <c r="B61" s="96" t="s">
        <v>91</v>
      </c>
      <c r="C61" s="94"/>
      <c r="D61" s="95"/>
    </row>
    <row r="62" spans="1:4" s="4" customFormat="1" ht="30" customHeight="1" x14ac:dyDescent="0.25">
      <c r="A62" s="99" t="s">
        <v>106</v>
      </c>
      <c r="B62" s="96" t="s">
        <v>92</v>
      </c>
      <c r="C62" s="94"/>
      <c r="D62" s="95"/>
    </row>
    <row r="63" spans="1:4" s="4" customFormat="1" ht="30" customHeight="1" x14ac:dyDescent="0.25">
      <c r="A63" s="99" t="s">
        <v>107</v>
      </c>
      <c r="B63" s="96" t="s">
        <v>93</v>
      </c>
      <c r="C63" s="94"/>
      <c r="D63" s="95"/>
    </row>
    <row r="64" spans="1:4" s="4" customFormat="1" ht="30" customHeight="1" x14ac:dyDescent="0.25">
      <c r="A64" s="99" t="s">
        <v>108</v>
      </c>
      <c r="B64" s="96" t="s">
        <v>94</v>
      </c>
      <c r="C64" s="94"/>
      <c r="D64" s="95"/>
    </row>
    <row r="65" spans="1:4" s="4" customFormat="1" ht="30" customHeight="1" x14ac:dyDescent="0.25">
      <c r="A65" s="98" t="s">
        <v>68</v>
      </c>
      <c r="B65" s="96" t="s">
        <v>95</v>
      </c>
      <c r="C65" s="94"/>
      <c r="D65" s="95"/>
    </row>
    <row r="66" spans="1:4" s="4" customFormat="1" ht="30" customHeight="1" x14ac:dyDescent="0.25">
      <c r="A66" s="98" t="s">
        <v>69</v>
      </c>
      <c r="B66" s="96" t="s">
        <v>96</v>
      </c>
      <c r="C66" s="94"/>
      <c r="D66" s="95"/>
    </row>
    <row r="67" spans="1:4" s="4" customFormat="1" ht="30" customHeight="1" x14ac:dyDescent="0.25">
      <c r="A67" s="99" t="s">
        <v>109</v>
      </c>
      <c r="B67" s="96" t="s">
        <v>97</v>
      </c>
      <c r="C67" s="94"/>
      <c r="D67" s="95"/>
    </row>
    <row r="68" spans="1:4" s="4" customFormat="1" ht="30" customHeight="1" x14ac:dyDescent="0.25">
      <c r="A68" s="99" t="s">
        <v>110</v>
      </c>
      <c r="B68" s="96" t="s">
        <v>98</v>
      </c>
      <c r="C68" s="94"/>
      <c r="D68" s="95"/>
    </row>
    <row r="69" spans="1:4" s="4" customFormat="1" ht="30" customHeight="1" x14ac:dyDescent="0.25">
      <c r="A69" s="99" t="s">
        <v>111</v>
      </c>
      <c r="B69" s="96" t="s">
        <v>99</v>
      </c>
      <c r="C69" s="94"/>
      <c r="D69" s="95"/>
    </row>
    <row r="70" spans="1:4" s="4" customFormat="1" ht="30" customHeight="1" x14ac:dyDescent="0.25">
      <c r="A70" s="99" t="s">
        <v>112</v>
      </c>
      <c r="B70" s="96" t="s">
        <v>100</v>
      </c>
      <c r="C70" s="28"/>
      <c r="D70" s="30"/>
    </row>
    <row r="71" spans="1:4" s="4" customFormat="1" ht="30" customHeight="1" x14ac:dyDescent="0.25">
      <c r="A71" s="144" t="s">
        <v>158</v>
      </c>
      <c r="B71" s="145"/>
      <c r="C71" s="145"/>
      <c r="D71" s="146"/>
    </row>
    <row r="72" spans="1:4" s="4" customFormat="1" ht="30" customHeight="1" x14ac:dyDescent="0.25">
      <c r="A72" s="147" t="s">
        <v>113</v>
      </c>
      <c r="B72" s="148"/>
      <c r="C72" s="94"/>
      <c r="D72" s="95"/>
    </row>
    <row r="73" spans="1:4" s="4" customFormat="1" ht="30" customHeight="1" x14ac:dyDescent="0.25">
      <c r="A73" s="61"/>
      <c r="B73" s="93" t="s">
        <v>153</v>
      </c>
      <c r="C73" s="94"/>
      <c r="D73" s="95"/>
    </row>
    <row r="74" spans="1:4" s="4" customFormat="1" ht="30" customHeight="1" x14ac:dyDescent="0.25">
      <c r="A74" s="61"/>
      <c r="B74" s="93" t="s">
        <v>115</v>
      </c>
      <c r="C74" s="94"/>
      <c r="D74" s="95"/>
    </row>
    <row r="75" spans="1:4" s="4" customFormat="1" ht="30" customHeight="1" x14ac:dyDescent="0.25">
      <c r="A75" s="61"/>
      <c r="B75" s="93" t="s">
        <v>116</v>
      </c>
      <c r="C75" s="94"/>
      <c r="D75" s="95"/>
    </row>
    <row r="76" spans="1:4" s="4" customFormat="1" ht="30" customHeight="1" x14ac:dyDescent="0.25">
      <c r="A76" s="61"/>
      <c r="B76" s="93" t="s">
        <v>156</v>
      </c>
      <c r="C76" s="94"/>
      <c r="D76" s="95"/>
    </row>
    <row r="77" spans="1:4" s="4" customFormat="1" ht="30" customHeight="1" x14ac:dyDescent="0.25">
      <c r="A77" s="61"/>
      <c r="B77" s="93" t="s">
        <v>157</v>
      </c>
      <c r="C77" s="94"/>
      <c r="D77" s="95"/>
    </row>
    <row r="78" spans="1:4" s="4" customFormat="1" ht="30" customHeight="1" x14ac:dyDescent="0.25">
      <c r="A78" s="61"/>
      <c r="B78" s="93" t="s">
        <v>117</v>
      </c>
      <c r="C78" s="94"/>
      <c r="D78" s="95"/>
    </row>
    <row r="79" spans="1:4" s="4" customFormat="1" ht="30" customHeight="1" x14ac:dyDescent="0.25">
      <c r="A79" s="61"/>
      <c r="B79" s="93" t="s">
        <v>118</v>
      </c>
      <c r="C79" s="94"/>
      <c r="D79" s="95"/>
    </row>
    <row r="80" spans="1:4" s="4" customFormat="1" ht="33" customHeight="1" thickBot="1" x14ac:dyDescent="0.3">
      <c r="A80" s="79"/>
      <c r="B80" s="85" t="s">
        <v>119</v>
      </c>
      <c r="C80" s="46"/>
      <c r="D80" s="47"/>
    </row>
    <row r="81" spans="1:4" s="3" customFormat="1" ht="6" customHeight="1" x14ac:dyDescent="0.25">
      <c r="A81" s="7"/>
      <c r="B81" s="5"/>
      <c r="C81" s="7"/>
      <c r="D81" s="7"/>
    </row>
    <row r="82" spans="1:4" s="2" customFormat="1" ht="20.100000000000001" customHeight="1" x14ac:dyDescent="0.25">
      <c r="A82" s="112" t="s">
        <v>52</v>
      </c>
      <c r="B82" s="112" t="s">
        <v>51</v>
      </c>
      <c r="C82" s="112"/>
      <c r="D82" s="112"/>
    </row>
    <row r="83" spans="1:4" s="2" customFormat="1" ht="6.75" customHeight="1" thickBot="1" x14ac:dyDescent="0.3">
      <c r="A83" s="6"/>
      <c r="C83" s="6"/>
      <c r="D83" s="6"/>
    </row>
    <row r="84" spans="1:4" s="3" customFormat="1" ht="69" customHeight="1" x14ac:dyDescent="0.25">
      <c r="A84" s="123" t="s">
        <v>53</v>
      </c>
      <c r="B84" s="124"/>
      <c r="C84" s="118" t="s">
        <v>22</v>
      </c>
      <c r="D84" s="119"/>
    </row>
    <row r="85" spans="1:4" s="3" customFormat="1" ht="35.25" customHeight="1" thickBot="1" x14ac:dyDescent="0.3">
      <c r="A85" s="125"/>
      <c r="B85" s="126"/>
      <c r="C85" s="16" t="s">
        <v>6</v>
      </c>
      <c r="D85" s="70" t="s">
        <v>23</v>
      </c>
    </row>
    <row r="86" spans="1:4" s="2" customFormat="1" ht="50.25" customHeight="1" x14ac:dyDescent="0.25">
      <c r="A86" s="62" t="s">
        <v>11</v>
      </c>
      <c r="B86" s="92" t="s">
        <v>152</v>
      </c>
      <c r="C86" s="28"/>
      <c r="D86" s="65"/>
    </row>
    <row r="87" spans="1:4" s="2" customFormat="1" ht="56.25" customHeight="1" x14ac:dyDescent="0.25">
      <c r="A87" s="27" t="s">
        <v>46</v>
      </c>
      <c r="B87" s="40" t="s">
        <v>123</v>
      </c>
      <c r="C87" s="28"/>
      <c r="D87" s="35"/>
    </row>
    <row r="88" spans="1:4" s="2" customFormat="1" ht="29.1" customHeight="1" x14ac:dyDescent="0.25">
      <c r="A88" s="61" t="s">
        <v>47</v>
      </c>
      <c r="B88" s="86" t="s">
        <v>124</v>
      </c>
      <c r="C88" s="28"/>
      <c r="D88" s="52"/>
    </row>
    <row r="89" spans="1:4" s="2" customFormat="1" ht="29.1" customHeight="1" x14ac:dyDescent="0.25">
      <c r="A89" s="42" t="s">
        <v>60</v>
      </c>
      <c r="B89" s="87" t="s">
        <v>125</v>
      </c>
      <c r="C89" s="28"/>
      <c r="D89" s="53"/>
    </row>
    <row r="90" spans="1:4" s="2" customFormat="1" ht="29.1" customHeight="1" x14ac:dyDescent="0.25">
      <c r="A90" s="42" t="s">
        <v>61</v>
      </c>
      <c r="B90" s="87" t="s">
        <v>126</v>
      </c>
      <c r="C90" s="28"/>
      <c r="D90" s="38"/>
    </row>
    <row r="91" spans="1:4" s="2" customFormat="1" ht="29.1" customHeight="1" x14ac:dyDescent="0.25">
      <c r="A91" s="42" t="s">
        <v>127</v>
      </c>
      <c r="B91" s="87" t="s">
        <v>128</v>
      </c>
      <c r="C91" s="28"/>
      <c r="D91" s="55"/>
    </row>
    <row r="92" spans="1:4" s="2" customFormat="1" ht="42" customHeight="1" x14ac:dyDescent="0.25">
      <c r="A92" s="42" t="s">
        <v>129</v>
      </c>
      <c r="B92" s="87" t="s">
        <v>130</v>
      </c>
      <c r="C92" s="28"/>
      <c r="D92" s="55"/>
    </row>
    <row r="93" spans="1:4" s="2" customFormat="1" ht="121.5" customHeight="1" x14ac:dyDescent="0.25">
      <c r="A93" s="41" t="s">
        <v>131</v>
      </c>
      <c r="B93" s="88" t="s">
        <v>132</v>
      </c>
      <c r="C93" s="28"/>
      <c r="D93" s="54"/>
    </row>
    <row r="94" spans="1:4" s="2" customFormat="1" ht="261" customHeight="1" x14ac:dyDescent="0.25">
      <c r="A94" s="27" t="s">
        <v>48</v>
      </c>
      <c r="B94" s="40" t="s">
        <v>133</v>
      </c>
      <c r="C94" s="28"/>
      <c r="D94" s="35"/>
    </row>
    <row r="95" spans="1:4" s="2" customFormat="1" ht="124.5" customHeight="1" x14ac:dyDescent="0.25">
      <c r="A95" s="27" t="s">
        <v>62</v>
      </c>
      <c r="B95" s="40" t="s">
        <v>134</v>
      </c>
      <c r="C95" s="28"/>
      <c r="D95" s="35"/>
    </row>
    <row r="96" spans="1:4" s="2" customFormat="1" ht="109.5" customHeight="1" x14ac:dyDescent="0.25">
      <c r="A96" s="27" t="s">
        <v>63</v>
      </c>
      <c r="B96" s="40" t="s">
        <v>135</v>
      </c>
      <c r="C96" s="28"/>
      <c r="D96" s="35"/>
    </row>
    <row r="97" spans="1:4" s="2" customFormat="1" ht="72" customHeight="1" x14ac:dyDescent="0.25">
      <c r="A97" s="27" t="s">
        <v>136</v>
      </c>
      <c r="B97" s="40" t="s">
        <v>137</v>
      </c>
      <c r="C97" s="28"/>
      <c r="D97" s="35"/>
    </row>
    <row r="98" spans="1:4" s="2" customFormat="1" ht="98.25" customHeight="1" x14ac:dyDescent="0.25">
      <c r="A98" s="27" t="s">
        <v>64</v>
      </c>
      <c r="B98" s="40" t="s">
        <v>138</v>
      </c>
      <c r="C98" s="28"/>
      <c r="D98" s="35"/>
    </row>
    <row r="99" spans="1:4" s="2" customFormat="1" ht="90.75" customHeight="1" x14ac:dyDescent="0.25">
      <c r="A99" s="62" t="s">
        <v>65</v>
      </c>
      <c r="B99" s="89" t="s">
        <v>139</v>
      </c>
      <c r="C99" s="28"/>
      <c r="D99" s="54"/>
    </row>
    <row r="100" spans="1:4" s="2" customFormat="1" ht="108" customHeight="1" x14ac:dyDescent="0.25">
      <c r="A100" s="27" t="s">
        <v>66</v>
      </c>
      <c r="B100" s="89" t="s">
        <v>140</v>
      </c>
      <c r="C100" s="28"/>
      <c r="D100" s="65"/>
    </row>
    <row r="101" spans="1:4" s="2" customFormat="1" ht="30.75" customHeight="1" x14ac:dyDescent="0.25">
      <c r="A101" s="27" t="s">
        <v>67</v>
      </c>
      <c r="B101" s="40" t="s">
        <v>141</v>
      </c>
      <c r="C101" s="28"/>
      <c r="D101" s="35"/>
    </row>
    <row r="102" spans="1:4" s="2" customFormat="1" ht="59.25" customHeight="1" x14ac:dyDescent="0.25">
      <c r="A102" s="43" t="s">
        <v>68</v>
      </c>
      <c r="B102" s="90" t="s">
        <v>142</v>
      </c>
      <c r="C102" s="28"/>
      <c r="D102" s="56"/>
    </row>
    <row r="103" spans="1:4" s="2" customFormat="1" ht="82.5" customHeight="1" x14ac:dyDescent="0.25">
      <c r="A103" s="41" t="s">
        <v>69</v>
      </c>
      <c r="B103" s="91" t="s">
        <v>143</v>
      </c>
      <c r="C103" s="28"/>
      <c r="D103" s="54"/>
    </row>
    <row r="104" spans="1:4" s="2" customFormat="1" ht="94.5" customHeight="1" x14ac:dyDescent="0.25">
      <c r="A104" s="27" t="s">
        <v>144</v>
      </c>
      <c r="B104" s="40" t="s">
        <v>145</v>
      </c>
      <c r="C104" s="28"/>
      <c r="D104" s="35"/>
    </row>
    <row r="105" spans="1:4" s="2" customFormat="1" ht="208.5" customHeight="1" x14ac:dyDescent="0.25">
      <c r="A105" s="27" t="s">
        <v>146</v>
      </c>
      <c r="B105" s="92" t="s">
        <v>147</v>
      </c>
      <c r="C105" s="28"/>
      <c r="D105" s="35"/>
    </row>
    <row r="106" spans="1:4" s="2" customFormat="1" ht="227.25" customHeight="1" x14ac:dyDescent="0.25">
      <c r="A106" s="27" t="s">
        <v>148</v>
      </c>
      <c r="B106" s="40" t="s">
        <v>149</v>
      </c>
      <c r="C106" s="28"/>
      <c r="D106" s="35"/>
    </row>
    <row r="107" spans="1:4" s="2" customFormat="1" ht="86.25" customHeight="1" thickBot="1" x14ac:dyDescent="0.3">
      <c r="A107" s="49" t="s">
        <v>150</v>
      </c>
      <c r="B107" s="103" t="s">
        <v>151</v>
      </c>
      <c r="C107" s="46"/>
      <c r="D107" s="104"/>
    </row>
    <row r="108" spans="1:4" s="2" customFormat="1" ht="7.5" customHeight="1" x14ac:dyDescent="0.25">
      <c r="A108" s="44"/>
      <c r="B108" s="45"/>
      <c r="C108" s="7"/>
      <c r="D108" s="7"/>
    </row>
    <row r="109" spans="1:4" s="2" customFormat="1" ht="21.75" customHeight="1" x14ac:dyDescent="0.25">
      <c r="A109" s="112" t="s">
        <v>44</v>
      </c>
      <c r="B109" s="112"/>
      <c r="C109" s="112"/>
      <c r="D109" s="112"/>
    </row>
    <row r="110" spans="1:4" s="2" customFormat="1" ht="10.5" customHeight="1" thickBot="1" x14ac:dyDescent="0.3">
      <c r="A110" s="6"/>
    </row>
    <row r="111" spans="1:4" s="2" customFormat="1" ht="83.25" customHeight="1" x14ac:dyDescent="0.25">
      <c r="A111" s="123" t="s">
        <v>57</v>
      </c>
      <c r="B111" s="124"/>
      <c r="C111" s="118" t="s">
        <v>45</v>
      </c>
      <c r="D111" s="119"/>
    </row>
    <row r="112" spans="1:4" s="2" customFormat="1" ht="49.5" customHeight="1" x14ac:dyDescent="0.25">
      <c r="A112" s="125"/>
      <c r="B112" s="126"/>
      <c r="C112" s="64" t="s">
        <v>6</v>
      </c>
      <c r="D112" s="70" t="s">
        <v>23</v>
      </c>
    </row>
    <row r="113" spans="1:5" s="3" customFormat="1" ht="66.75" customHeight="1" x14ac:dyDescent="0.25">
      <c r="A113" s="62" t="s">
        <v>11</v>
      </c>
      <c r="B113" s="63" t="s">
        <v>161</v>
      </c>
      <c r="C113" s="29"/>
      <c r="D113" s="36"/>
      <c r="E113" s="2"/>
    </row>
    <row r="114" spans="1:5" s="2" customFormat="1" ht="61.5" customHeight="1" x14ac:dyDescent="0.25">
      <c r="A114" s="62" t="s">
        <v>46</v>
      </c>
      <c r="B114" s="38" t="s">
        <v>162</v>
      </c>
      <c r="C114" s="29"/>
      <c r="D114" s="36"/>
    </row>
    <row r="115" spans="1:5" s="2" customFormat="1" ht="60.75" customHeight="1" x14ac:dyDescent="0.25">
      <c r="A115" s="62" t="s">
        <v>47</v>
      </c>
      <c r="B115" s="34" t="s">
        <v>163</v>
      </c>
      <c r="C115" s="29"/>
      <c r="D115" s="36"/>
    </row>
    <row r="116" spans="1:5" s="2" customFormat="1" ht="51" customHeight="1" x14ac:dyDescent="0.25">
      <c r="A116" s="27" t="s">
        <v>48</v>
      </c>
      <c r="B116" s="107" t="s">
        <v>164</v>
      </c>
      <c r="C116" s="29"/>
      <c r="D116" s="36"/>
    </row>
    <row r="117" spans="1:5" s="2" customFormat="1" ht="43.5" customHeight="1" x14ac:dyDescent="0.25">
      <c r="A117" s="27" t="s">
        <v>62</v>
      </c>
      <c r="B117" s="107" t="s">
        <v>165</v>
      </c>
      <c r="C117" s="29"/>
      <c r="D117" s="36"/>
    </row>
    <row r="118" spans="1:5" s="2" customFormat="1" ht="87" customHeight="1" x14ac:dyDescent="0.25">
      <c r="A118" s="106" t="s">
        <v>63</v>
      </c>
      <c r="B118" s="107" t="s">
        <v>166</v>
      </c>
      <c r="C118" s="29"/>
      <c r="D118" s="108"/>
    </row>
    <row r="119" spans="1:5" s="2" customFormat="1" ht="113.25" customHeight="1" thickBot="1" x14ac:dyDescent="0.3">
      <c r="A119" s="49" t="s">
        <v>64</v>
      </c>
      <c r="B119" s="109" t="s">
        <v>167</v>
      </c>
      <c r="C119" s="50"/>
      <c r="D119" s="51"/>
    </row>
    <row r="120" spans="1:5" s="3" customFormat="1" ht="9" customHeight="1" x14ac:dyDescent="0.25">
      <c r="A120" s="7"/>
      <c r="B120" s="5"/>
      <c r="C120" s="7"/>
      <c r="D120" s="7"/>
      <c r="E120" s="2"/>
    </row>
    <row r="121" spans="1:5" s="3" customFormat="1" ht="24" customHeight="1" x14ac:dyDescent="0.25">
      <c r="A121" s="112" t="s">
        <v>10</v>
      </c>
      <c r="B121" s="112"/>
      <c r="C121" s="112"/>
      <c r="D121" s="112"/>
      <c r="E121" s="2"/>
    </row>
    <row r="122" spans="1:5" s="3" customFormat="1" ht="22.5" customHeight="1" x14ac:dyDescent="0.2">
      <c r="A122" s="105" t="s">
        <v>12</v>
      </c>
      <c r="B122" s="138" t="s">
        <v>49</v>
      </c>
      <c r="C122" s="138"/>
      <c r="D122" s="138"/>
      <c r="E122" s="2"/>
    </row>
    <row r="123" spans="1:5" s="3" customFormat="1" ht="20.25" customHeight="1" x14ac:dyDescent="0.2">
      <c r="A123" s="105" t="s">
        <v>24</v>
      </c>
      <c r="B123" s="138" t="s">
        <v>25</v>
      </c>
      <c r="C123" s="138"/>
      <c r="D123" s="138"/>
      <c r="E123" s="2"/>
    </row>
    <row r="124" spans="1:5" s="3" customFormat="1" ht="71.25" customHeight="1" x14ac:dyDescent="0.25">
      <c r="A124" s="139" t="s">
        <v>26</v>
      </c>
      <c r="B124" s="139"/>
      <c r="C124" s="139"/>
      <c r="D124" s="139"/>
      <c r="E124" s="2"/>
    </row>
    <row r="125" spans="1:5" s="2" customFormat="1" ht="29.1" customHeight="1" x14ac:dyDescent="0.25">
      <c r="A125" s="73" t="s">
        <v>27</v>
      </c>
      <c r="B125" s="141"/>
      <c r="C125" s="141"/>
    </row>
    <row r="126" spans="1:5" s="2" customFormat="1" ht="29.1" customHeight="1" x14ac:dyDescent="0.25">
      <c r="A126" s="73" t="s">
        <v>28</v>
      </c>
      <c r="B126" s="141"/>
      <c r="C126" s="141"/>
    </row>
    <row r="127" spans="1:5" s="3" customFormat="1" ht="29.1" customHeight="1" x14ac:dyDescent="0.25">
      <c r="A127" s="73" t="s">
        <v>29</v>
      </c>
      <c r="B127" s="141"/>
      <c r="C127" s="141"/>
      <c r="D127" s="2"/>
      <c r="E127" s="2"/>
    </row>
    <row r="128" spans="1:5" s="18" customFormat="1" ht="29.1" customHeight="1" x14ac:dyDescent="0.25">
      <c r="A128" s="73" t="s">
        <v>30</v>
      </c>
      <c r="B128" s="141"/>
      <c r="C128" s="141"/>
      <c r="D128" s="2"/>
      <c r="E128" s="2"/>
    </row>
    <row r="129" spans="1:5" s="18" customFormat="1" ht="30" customHeight="1" x14ac:dyDescent="0.2">
      <c r="A129" s="68"/>
      <c r="B129" s="9"/>
      <c r="C129" s="9"/>
      <c r="D129" s="2"/>
      <c r="E129" s="2"/>
    </row>
    <row r="130" spans="1:5" s="2" customFormat="1" ht="24.95" customHeight="1" x14ac:dyDescent="0.25">
      <c r="A130" s="140" t="s">
        <v>31</v>
      </c>
      <c r="B130" s="140"/>
      <c r="C130" s="140"/>
      <c r="D130" s="140"/>
    </row>
    <row r="131" spans="1:5" s="2" customFormat="1" ht="24.95" customHeight="1" x14ac:dyDescent="0.25">
      <c r="A131" s="137" t="s">
        <v>41</v>
      </c>
      <c r="B131" s="137"/>
      <c r="C131" s="137"/>
      <c r="D131" s="137"/>
    </row>
    <row r="132" spans="1:5" s="2" customFormat="1" ht="24.95" customHeight="1" x14ac:dyDescent="0.2">
      <c r="A132" s="8"/>
      <c r="B132" s="1"/>
      <c r="C132" s="8"/>
      <c r="D132" s="8"/>
    </row>
    <row r="133" spans="1:5" s="3" customFormat="1" ht="24.95" customHeight="1" x14ac:dyDescent="0.2">
      <c r="A133" s="8"/>
      <c r="B133" s="1"/>
      <c r="C133" s="8"/>
      <c r="D133" s="8"/>
      <c r="E133" s="2"/>
    </row>
    <row r="134" spans="1:5" s="2" customFormat="1" ht="29.1" customHeight="1" x14ac:dyDescent="0.25">
      <c r="A134" s="69" t="s">
        <v>32</v>
      </c>
      <c r="B134" s="19"/>
      <c r="C134" s="20" t="s">
        <v>33</v>
      </c>
      <c r="D134" s="31"/>
    </row>
    <row r="135" spans="1:5" s="3" customFormat="1" ht="15" customHeight="1" x14ac:dyDescent="0.25">
      <c r="A135" s="69"/>
      <c r="B135" s="19"/>
      <c r="C135" s="19"/>
      <c r="D135" s="21"/>
    </row>
    <row r="136" spans="1:5" s="2" customFormat="1" ht="29.1" customHeight="1" x14ac:dyDescent="0.2">
      <c r="A136" s="69" t="s">
        <v>34</v>
      </c>
      <c r="B136" s="19"/>
      <c r="C136" s="22" t="s">
        <v>35</v>
      </c>
      <c r="D136" s="32"/>
    </row>
    <row r="137" spans="1:5" s="2" customFormat="1" ht="29.1" customHeight="1" x14ac:dyDescent="0.2">
      <c r="A137" s="8"/>
      <c r="B137" s="1"/>
      <c r="C137" s="22" t="s">
        <v>36</v>
      </c>
      <c r="D137" s="33"/>
    </row>
    <row r="138" spans="1:5" s="3" customFormat="1" ht="12" customHeight="1" x14ac:dyDescent="0.2">
      <c r="A138" s="8"/>
      <c r="B138" s="1"/>
      <c r="C138" s="23" t="s">
        <v>37</v>
      </c>
      <c r="D138" s="1"/>
    </row>
    <row r="139" spans="1:5" s="3" customFormat="1" ht="20.100000000000001" customHeight="1" x14ac:dyDescent="0.25">
      <c r="A139" s="6"/>
      <c r="B139" s="2"/>
      <c r="C139" s="2"/>
      <c r="D139" s="2"/>
    </row>
    <row r="140" spans="1:5" s="3" customFormat="1" ht="20.100000000000001" customHeight="1" x14ac:dyDescent="0.25">
      <c r="A140" s="6"/>
      <c r="B140" s="2"/>
      <c r="C140" s="2"/>
      <c r="D140" s="2"/>
    </row>
    <row r="141" spans="1:5" ht="20.100000000000001" customHeight="1" x14ac:dyDescent="0.2">
      <c r="A141" s="6"/>
      <c r="B141" s="2"/>
      <c r="C141" s="2"/>
      <c r="D141" s="2"/>
    </row>
    <row r="142" spans="1:5" s="2" customFormat="1" ht="20.100000000000001" customHeight="1" x14ac:dyDescent="0.25">
      <c r="A142" s="6"/>
    </row>
    <row r="143" spans="1:5" s="2" customFormat="1" ht="20.100000000000001" customHeight="1" x14ac:dyDescent="0.25">
      <c r="A143" s="6"/>
    </row>
    <row r="144" spans="1:5" s="2" customFormat="1" ht="37.5" customHeight="1" x14ac:dyDescent="0.25">
      <c r="A144" s="6"/>
    </row>
    <row r="145" spans="1:4" s="2" customFormat="1" ht="24" customHeight="1" x14ac:dyDescent="0.25">
      <c r="A145" s="6"/>
    </row>
    <row r="146" spans="1:4" s="2" customFormat="1" ht="24" customHeight="1" x14ac:dyDescent="0.25">
      <c r="A146" s="6"/>
    </row>
    <row r="147" spans="1:4" s="2" customFormat="1" ht="24" customHeight="1" x14ac:dyDescent="0.25">
      <c r="A147" s="6"/>
    </row>
    <row r="148" spans="1:4" s="2" customFormat="1" ht="20.100000000000001" customHeight="1" x14ac:dyDescent="0.25">
      <c r="A148" s="6"/>
    </row>
    <row r="149" spans="1:4" s="2" customFormat="1" ht="20.100000000000001" customHeight="1" x14ac:dyDescent="0.2">
      <c r="A149" s="8"/>
      <c r="B149" s="1"/>
      <c r="C149" s="8"/>
      <c r="D149" s="8"/>
    </row>
    <row r="150" spans="1:4" s="2" customFormat="1" ht="50.1" customHeight="1" x14ac:dyDescent="0.2">
      <c r="A150" s="8"/>
      <c r="B150" s="1"/>
      <c r="C150" s="8"/>
      <c r="D150" s="8"/>
    </row>
    <row r="151" spans="1:4" s="2" customFormat="1" ht="43.5" customHeight="1" x14ac:dyDescent="0.2">
      <c r="A151" s="8"/>
      <c r="B151" s="1"/>
      <c r="C151" s="8"/>
      <c r="D151" s="8"/>
    </row>
    <row r="152" spans="1:4" ht="24.75" customHeight="1" x14ac:dyDescent="0.2"/>
    <row r="154" spans="1:4" ht="20.100000000000001" customHeight="1" x14ac:dyDescent="0.2"/>
    <row r="155" spans="1:4" ht="4.5" customHeight="1" x14ac:dyDescent="0.2"/>
    <row r="156" spans="1:4" ht="20.100000000000001" customHeight="1" x14ac:dyDescent="0.2"/>
    <row r="157" spans="1:4" ht="20.100000000000001" customHeight="1" x14ac:dyDescent="0.2"/>
    <row r="158" spans="1:4" ht="20.100000000000001" customHeight="1" x14ac:dyDescent="0.2"/>
  </sheetData>
  <mergeCells count="44">
    <mergeCell ref="A44:B44"/>
    <mergeCell ref="A71:D71"/>
    <mergeCell ref="A72:B72"/>
    <mergeCell ref="A109:D109"/>
    <mergeCell ref="A111:B112"/>
    <mergeCell ref="C111:D111"/>
    <mergeCell ref="A82:D82"/>
    <mergeCell ref="A84:B85"/>
    <mergeCell ref="C84:D84"/>
    <mergeCell ref="A131:D131"/>
    <mergeCell ref="A121:D121"/>
    <mergeCell ref="B122:D122"/>
    <mergeCell ref="B123:D123"/>
    <mergeCell ref="A124:D124"/>
    <mergeCell ref="A130:D130"/>
    <mergeCell ref="B125:C125"/>
    <mergeCell ref="B126:C126"/>
    <mergeCell ref="B127:C127"/>
    <mergeCell ref="B128:C128"/>
    <mergeCell ref="A2:D2"/>
    <mergeCell ref="A3:D3"/>
    <mergeCell ref="A12:C12"/>
    <mergeCell ref="A13:B13"/>
    <mergeCell ref="A1:D1"/>
    <mergeCell ref="A14:C14"/>
    <mergeCell ref="A8:D8"/>
    <mergeCell ref="A9:D9"/>
    <mergeCell ref="A11:D11"/>
    <mergeCell ref="A7:D7"/>
    <mergeCell ref="A19:D19"/>
    <mergeCell ref="A17:C17"/>
    <mergeCell ref="A43:D43"/>
    <mergeCell ref="A35:B35"/>
    <mergeCell ref="C41:D41"/>
    <mergeCell ref="A23:D23"/>
    <mergeCell ref="A21:C21"/>
    <mergeCell ref="A18:C18"/>
    <mergeCell ref="A24:B24"/>
    <mergeCell ref="A27:B27"/>
    <mergeCell ref="A41:B42"/>
    <mergeCell ref="A39:D39"/>
    <mergeCell ref="A22:D22"/>
    <mergeCell ref="A29:D29"/>
    <mergeCell ref="A31:D31"/>
  </mergeCells>
  <phoneticPr fontId="12" type="noConversion"/>
  <conditionalFormatting sqref="B4:B5 C113:C119">
    <cfRule type="containsBlanks" dxfId="6" priority="75">
      <formula>LEN(TRIM(B4))=0</formula>
    </cfRule>
  </conditionalFormatting>
  <conditionalFormatting sqref="B134">
    <cfRule type="containsBlanks" dxfId="5" priority="77">
      <formula>LEN(TRIM(B134))=0</formula>
    </cfRule>
  </conditionalFormatting>
  <conditionalFormatting sqref="B136">
    <cfRule type="containsBlanks" dxfId="4" priority="76">
      <formula>LEN(TRIM(B136))=0</formula>
    </cfRule>
  </conditionalFormatting>
  <conditionalFormatting sqref="B125:C128">
    <cfRule type="containsBlanks" dxfId="3" priority="2">
      <formula>LEN(TRIM(B125))=0</formula>
    </cfRule>
  </conditionalFormatting>
  <conditionalFormatting sqref="C44:C70 C72:C80">
    <cfRule type="containsBlanks" dxfId="2" priority="8">
      <formula>LEN(TRIM(C44))=0</formula>
    </cfRule>
  </conditionalFormatting>
  <conditionalFormatting sqref="C86:C107">
    <cfRule type="containsBlanks" dxfId="1" priority="32">
      <formula>LEN(TRIM(C86))=0</formula>
    </cfRule>
  </conditionalFormatting>
  <conditionalFormatting sqref="D136:D137">
    <cfRule type="containsBlanks" dxfId="0" priority="78">
      <formula>LEN(TRIM(D136))=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5</xdr:row>
                    <xdr:rowOff>9525</xdr:rowOff>
                  </from>
                  <to>
                    <xdr:col>0</xdr:col>
                    <xdr:colOff>885825</xdr:colOff>
                    <xdr:row>3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6</xdr:row>
                    <xdr:rowOff>0</xdr:rowOff>
                  </from>
                  <to>
                    <xdr:col>0</xdr:col>
                    <xdr:colOff>885825</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Dana Kapáková</cp:lastModifiedBy>
  <cp:lastPrinted>2026-04-15T07:35:03Z</cp:lastPrinted>
  <dcterms:created xsi:type="dcterms:W3CDTF">2017-04-21T05:51:15Z</dcterms:created>
  <dcterms:modified xsi:type="dcterms:W3CDTF">2026-04-15T09:20:31Z</dcterms:modified>
</cp:coreProperties>
</file>